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10月分(2020年基準)\消費者物価指数の推移\"/>
    </mc:Choice>
  </mc:AlternateContent>
  <bookViews>
    <workbookView xWindow="600" yWindow="105" windowWidth="19410" windowHeight="8070"/>
  </bookViews>
  <sheets>
    <sheet name="消費者物価指数の推移" sheetId="2" r:id="rId1"/>
  </sheets>
  <definedNames>
    <definedName name="_xlnm.Print_Area" localSheetId="0">消費者物価指数の推移!$A$1:$Y$27</definedName>
  </definedNames>
  <calcPr calcId="152511"/>
</workbook>
</file>

<file path=xl/sharedStrings.xml><?xml version="1.0" encoding="utf-8"?>
<sst xmlns="http://schemas.openxmlformats.org/spreadsheetml/2006/main" count="63" uniqueCount="47">
  <si>
    <t>住　居</t>
  </si>
  <si>
    <t>総　合</t>
  </si>
  <si>
    <t>食　料</t>
  </si>
  <si>
    <t>通　信</t>
  </si>
  <si>
    <t>家事用品</t>
  </si>
  <si>
    <t>水　道</t>
  </si>
  <si>
    <t>（％）</t>
  </si>
  <si>
    <t>を除く</t>
  </si>
  <si>
    <t>諸雑費</t>
  </si>
  <si>
    <t>教　育</t>
  </si>
  <si>
    <t>・</t>
  </si>
  <si>
    <t>全　　　国</t>
  </si>
  <si>
    <t>交　通</t>
  </si>
  <si>
    <t>家　具</t>
  </si>
  <si>
    <t>光　熱</t>
  </si>
  <si>
    <t>川崎市</t>
    <rPh sb="0" eb="3">
      <t>カワサキシ</t>
    </rPh>
    <phoneticPr fontId="1"/>
  </si>
  <si>
    <t>　　　　</t>
  </si>
  <si>
    <t>被服　及び　履物</t>
    <rPh sb="6" eb="8">
      <t>ハキモノ</t>
    </rPh>
    <phoneticPr fontId="1"/>
  </si>
  <si>
    <t>保健　医療</t>
    <rPh sb="3" eb="5">
      <t>イリョウ</t>
    </rPh>
    <phoneticPr fontId="1"/>
  </si>
  <si>
    <t>教養　　娯楽</t>
    <rPh sb="0" eb="2">
      <t>キョウヨウ</t>
    </rPh>
    <rPh sb="4" eb="6">
      <t>ゴラク</t>
    </rPh>
    <phoneticPr fontId="1"/>
  </si>
  <si>
    <t>生鮮食品を除く</t>
    <rPh sb="5" eb="6">
      <t>ノゾ</t>
    </rPh>
    <phoneticPr fontId="26"/>
  </si>
  <si>
    <t>持家の帰属家賃</t>
    <rPh sb="5" eb="7">
      <t>ヤチン</t>
    </rPh>
    <phoneticPr fontId="26"/>
  </si>
  <si>
    <t>年　　月</t>
    <phoneticPr fontId="1"/>
  </si>
  <si>
    <t>前月比</t>
    <rPh sb="2" eb="3">
      <t>ヒ</t>
    </rPh>
    <phoneticPr fontId="26"/>
  </si>
  <si>
    <t>月</t>
  </si>
  <si>
    <t>平均</t>
    <rPh sb="0" eb="2">
      <t>ヘイキン</t>
    </rPh>
    <phoneticPr fontId="1"/>
  </si>
  <si>
    <t>前月比</t>
    <phoneticPr fontId="1"/>
  </si>
  <si>
    <t>総合</t>
    <rPh sb="0" eb="2">
      <t>ソウゴウ</t>
    </rPh>
    <phoneticPr fontId="1"/>
  </si>
  <si>
    <t>生鮮食品
及び
エネルギー
を除く</t>
    <rPh sb="0" eb="2">
      <t>セイセン</t>
    </rPh>
    <rPh sb="2" eb="4">
      <t>ショクヒン</t>
    </rPh>
    <rPh sb="5" eb="6">
      <t>オヨ</t>
    </rPh>
    <rPh sb="15" eb="16">
      <t>ノゾ</t>
    </rPh>
    <phoneticPr fontId="1"/>
  </si>
  <si>
    <t>総 合</t>
    <rPh sb="0" eb="1">
      <t>ソウ</t>
    </rPh>
    <rPh sb="2" eb="3">
      <t>ゴウ</t>
    </rPh>
    <phoneticPr fontId="1"/>
  </si>
  <si>
    <t>食料(酒類を除く)及びエネルギーを除く</t>
    <phoneticPr fontId="1"/>
  </si>
  <si>
    <t>前年
同月比</t>
    <rPh sb="0" eb="2">
      <t>ゼンネン</t>
    </rPh>
    <phoneticPr fontId="26"/>
  </si>
  <si>
    <t>（％）</t>
    <phoneticPr fontId="1"/>
  </si>
  <si>
    <t>前年
同月比</t>
    <rPh sb="3" eb="5">
      <t>ドウゲツ</t>
    </rPh>
    <rPh sb="5" eb="6">
      <t>ヒ</t>
    </rPh>
    <phoneticPr fontId="26"/>
  </si>
  <si>
    <t>注）原数値を掲載</t>
    <rPh sb="0" eb="1">
      <t>チュウ</t>
    </rPh>
    <rPh sb="2" eb="3">
      <t>ゲン</t>
    </rPh>
    <rPh sb="3" eb="5">
      <t>スウチ</t>
    </rPh>
    <rPh sb="6" eb="8">
      <t>ケイサイ</t>
    </rPh>
    <phoneticPr fontId="1"/>
  </si>
  <si>
    <t>-</t>
    <phoneticPr fontId="1"/>
  </si>
  <si>
    <r>
      <rPr>
        <sz val="8"/>
        <rFont val="ＭＳ 明朝"/>
        <family val="1"/>
        <charset val="128"/>
      </rPr>
      <t>(前年比)</t>
    </r>
    <r>
      <rPr>
        <sz val="10"/>
        <rFont val="ＭＳ 明朝"/>
        <family val="1"/>
        <charset val="128"/>
      </rPr>
      <t>（％）</t>
    </r>
    <phoneticPr fontId="1"/>
  </si>
  <si>
    <t>消 費 者 物 価 指 数 の 推 移</t>
    <phoneticPr fontId="1"/>
  </si>
  <si>
    <t>2021年</t>
    <rPh sb="4" eb="5">
      <t>ネン</t>
    </rPh>
    <phoneticPr fontId="1"/>
  </si>
  <si>
    <t>月</t>
    <phoneticPr fontId="1"/>
  </si>
  <si>
    <t>月</t>
    <phoneticPr fontId="1"/>
  </si>
  <si>
    <t>（令和2（2020）年＝100基準）</t>
    <rPh sb="1" eb="3">
      <t>レイワ</t>
    </rPh>
    <rPh sb="15" eb="17">
      <t>キジュン</t>
    </rPh>
    <phoneticPr fontId="1"/>
  </si>
  <si>
    <t>月</t>
    <phoneticPr fontId="1"/>
  </si>
  <si>
    <t>2022年</t>
    <rPh sb="4" eb="5">
      <t>ネン</t>
    </rPh>
    <phoneticPr fontId="1"/>
  </si>
  <si>
    <t>月</t>
    <phoneticPr fontId="1"/>
  </si>
  <si>
    <t>月</t>
    <phoneticPr fontId="1"/>
  </si>
  <si>
    <t>2021年</t>
    <rPh sb="4" eb="5">
      <t>ネ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0.0_ "/>
    <numFmt numFmtId="177" formatCode="0.0_);[Red]\(0.0\)"/>
    <numFmt numFmtId="178" formatCode="#,##0;&quot;¥&quot;\!\-#,##0;&quot;-&quot;"/>
    <numFmt numFmtId="179" formatCode="_ * #,##0.0_ ;_ * \-#,##0.0_ ;_ * &quot;-&quot;?_ ;_ @_ "/>
    <numFmt numFmtId="180" formatCode="#,##0.0_ "/>
  </numFmts>
  <fonts count="28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name val="明朝"/>
      <family val="1"/>
      <charset val="128"/>
    </font>
    <font>
      <sz val="12"/>
      <name val="ＭＳ 明朝"/>
      <family val="1"/>
      <charset val="128"/>
    </font>
    <font>
      <sz val="12"/>
      <color indexed="8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3"/>
      <color indexed="8"/>
      <name val="ＭＳ 明朝"/>
      <family val="1"/>
      <charset val="128"/>
    </font>
    <font>
      <sz val="13"/>
      <name val="ＭＳ 明朝"/>
      <family val="1"/>
      <charset val="128"/>
    </font>
    <font>
      <b/>
      <sz val="14"/>
      <name val="ＭＳ Ｐゴシック"/>
      <family val="3"/>
      <charset val="128"/>
    </font>
    <font>
      <sz val="18"/>
      <name val="ＭＳ 明朝"/>
      <family val="1"/>
      <charset val="128"/>
    </font>
    <font>
      <b/>
      <sz val="14"/>
      <name val="ＭＳ 明朝"/>
      <family val="1"/>
      <charset val="128"/>
    </font>
    <font>
      <u/>
      <sz val="18"/>
      <name val="ＭＳ 明朝"/>
      <family val="1"/>
      <charset val="128"/>
    </font>
    <font>
      <u/>
      <sz val="11"/>
      <name val="ＭＳ 明朝"/>
      <family val="1"/>
      <charset val="128"/>
    </font>
    <font>
      <sz val="16"/>
      <name val="ＭＳ Ｐゴシック"/>
      <family val="3"/>
      <charset val="128"/>
    </font>
    <font>
      <b/>
      <sz val="10"/>
      <name val="ＭＳ 明朝"/>
      <family val="1"/>
      <charset val="128"/>
    </font>
    <font>
      <b/>
      <sz val="11"/>
      <name val="ＭＳ 明朝"/>
      <family val="1"/>
      <charset val="128"/>
    </font>
    <font>
      <b/>
      <sz val="16"/>
      <name val="ＭＳ Ｐゴシック"/>
      <family val="3"/>
      <charset val="128"/>
    </font>
    <font>
      <sz val="10"/>
      <color indexed="8"/>
      <name val="Arial"/>
      <family val="2"/>
    </font>
    <font>
      <sz val="9"/>
      <name val="Times New Roman"/>
      <family val="1"/>
    </font>
    <font>
      <b/>
      <sz val="12"/>
      <name val="Arial"/>
      <family val="2"/>
    </font>
    <font>
      <sz val="10"/>
      <name val="Arial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9"/>
      <name val="Times New Roman"/>
      <family val="1"/>
    </font>
    <font>
      <sz val="6"/>
      <name val="ＭＳ Ｐ明朝"/>
      <family val="1"/>
      <charset val="128"/>
    </font>
    <font>
      <sz val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66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hair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</borders>
  <cellStyleXfs count="13">
    <xf numFmtId="0" fontId="0" fillId="0" borderId="0">
      <alignment vertical="center"/>
    </xf>
    <xf numFmtId="0" fontId="2" fillId="0" borderId="0"/>
    <xf numFmtId="0" fontId="5" fillId="0" borderId="0"/>
    <xf numFmtId="0" fontId="5" fillId="0" borderId="0"/>
    <xf numFmtId="178" fontId="19" fillId="0" borderId="0" applyFill="0" applyBorder="0" applyAlignment="0"/>
    <xf numFmtId="0" fontId="20" fillId="0" borderId="0">
      <alignment horizontal="left"/>
    </xf>
    <xf numFmtId="0" fontId="21" fillId="0" borderId="7" applyNumberFormat="0" applyAlignment="0" applyProtection="0">
      <alignment horizontal="left" vertical="center"/>
    </xf>
    <xf numFmtId="0" fontId="21" fillId="0" borderId="31">
      <alignment horizontal="left" vertical="center"/>
    </xf>
    <xf numFmtId="0" fontId="22" fillId="0" borderId="0"/>
    <xf numFmtId="4" fontId="20" fillId="0" borderId="0">
      <alignment horizontal="right"/>
    </xf>
    <xf numFmtId="4" fontId="23" fillId="0" borderId="0">
      <alignment horizontal="right"/>
    </xf>
    <xf numFmtId="0" fontId="24" fillId="0" borderId="0">
      <alignment horizontal="left"/>
    </xf>
    <xf numFmtId="0" fontId="25" fillId="0" borderId="0">
      <alignment horizontal="center"/>
    </xf>
  </cellStyleXfs>
  <cellXfs count="145">
    <xf numFmtId="0" fontId="0" fillId="0" borderId="0" xfId="0">
      <alignment vertical="center"/>
    </xf>
    <xf numFmtId="0" fontId="0" fillId="0" borderId="0" xfId="0" applyBorder="1">
      <alignment vertical="center"/>
    </xf>
    <xf numFmtId="176" fontId="3" fillId="0" borderId="0" xfId="1" applyNumberFormat="1" applyFont="1" applyFill="1" applyBorder="1" applyAlignment="1">
      <alignment vertical="center"/>
    </xf>
    <xf numFmtId="177" fontId="3" fillId="0" borderId="0" xfId="1" applyNumberFormat="1" applyFont="1" applyFill="1" applyBorder="1" applyAlignment="1">
      <alignment vertical="center"/>
    </xf>
    <xf numFmtId="176" fontId="3" fillId="0" borderId="0" xfId="1" applyNumberFormat="1" applyFont="1" applyFill="1" applyBorder="1" applyAlignment="1">
      <alignment horizontal="right" vertical="center"/>
    </xf>
    <xf numFmtId="0" fontId="3" fillId="0" borderId="0" xfId="1" applyNumberFormat="1" applyFont="1" applyBorder="1" applyAlignment="1">
      <alignment vertical="center"/>
    </xf>
    <xf numFmtId="0" fontId="3" fillId="0" borderId="0" xfId="1" applyFont="1" applyFill="1" applyBorder="1" applyAlignment="1">
      <alignment vertical="center"/>
    </xf>
    <xf numFmtId="0" fontId="3" fillId="0" borderId="0" xfId="1" applyFont="1" applyBorder="1"/>
    <xf numFmtId="176" fontId="3" fillId="0" borderId="0" xfId="1" applyNumberFormat="1" applyFont="1" applyFill="1" applyBorder="1"/>
    <xf numFmtId="176" fontId="0" fillId="0" borderId="0" xfId="0" applyNumberFormat="1" applyBorder="1" applyAlignment="1">
      <alignment vertical="center"/>
    </xf>
    <xf numFmtId="0" fontId="0" fillId="0" borderId="0" xfId="0" applyBorder="1" applyAlignment="1">
      <alignment horizontal="center" vertical="center"/>
    </xf>
    <xf numFmtId="0" fontId="0" fillId="0" borderId="0" xfId="0" applyFill="1" applyBorder="1" applyAlignment="1">
      <alignment vertical="center"/>
    </xf>
    <xf numFmtId="0" fontId="0" fillId="0" borderId="0" xfId="0" applyBorder="1" applyAlignment="1">
      <alignment vertical="center"/>
    </xf>
    <xf numFmtId="177" fontId="4" fillId="0" borderId="0" xfId="0" applyNumberFormat="1" applyFont="1" applyFill="1" applyBorder="1" applyAlignment="1">
      <alignment vertical="center"/>
    </xf>
    <xf numFmtId="176" fontId="4" fillId="0" borderId="0" xfId="0" applyNumberFormat="1" applyFont="1" applyFill="1" applyBorder="1" applyAlignment="1">
      <alignment vertical="center"/>
    </xf>
    <xf numFmtId="177" fontId="3" fillId="0" borderId="0" xfId="2" applyNumberFormat="1" applyFont="1" applyBorder="1" applyAlignment="1">
      <alignment vertical="center"/>
    </xf>
    <xf numFmtId="0" fontId="0" fillId="0" borderId="0" xfId="0" applyAlignment="1"/>
    <xf numFmtId="0" fontId="0" fillId="0" borderId="0" xfId="0" applyBorder="1" applyAlignment="1"/>
    <xf numFmtId="0" fontId="6" fillId="0" borderId="0" xfId="1" applyFont="1" applyBorder="1"/>
    <xf numFmtId="0" fontId="6" fillId="0" borderId="0" xfId="1" applyFont="1" applyBorder="1" applyAlignment="1">
      <alignment horizontal="centerContinuous"/>
    </xf>
    <xf numFmtId="0" fontId="5" fillId="0" borderId="9" xfId="1" applyFont="1" applyFill="1" applyBorder="1" applyAlignment="1">
      <alignment horizontal="center" vertical="center"/>
    </xf>
    <xf numFmtId="0" fontId="5" fillId="0" borderId="10" xfId="1" applyFont="1" applyFill="1" applyBorder="1"/>
    <xf numFmtId="0" fontId="5" fillId="0" borderId="11" xfId="1" applyFont="1" applyFill="1" applyBorder="1" applyAlignment="1">
      <alignment horizontal="center" vertical="center"/>
    </xf>
    <xf numFmtId="0" fontId="5" fillId="0" borderId="10" xfId="1" applyFont="1" applyFill="1" applyBorder="1" applyAlignment="1">
      <alignment horizontal="center" vertical="center"/>
    </xf>
    <xf numFmtId="0" fontId="5" fillId="0" borderId="12" xfId="1" applyFont="1" applyFill="1" applyBorder="1" applyAlignment="1">
      <alignment horizontal="center"/>
    </xf>
    <xf numFmtId="0" fontId="5" fillId="0" borderId="9" xfId="1" applyFont="1" applyFill="1" applyBorder="1" applyAlignment="1">
      <alignment horizontal="center"/>
    </xf>
    <xf numFmtId="0" fontId="5" fillId="0" borderId="13" xfId="1" applyFont="1" applyFill="1" applyBorder="1"/>
    <xf numFmtId="0" fontId="6" fillId="0" borderId="14" xfId="1" applyFont="1" applyBorder="1"/>
    <xf numFmtId="0" fontId="6" fillId="0" borderId="15" xfId="1" applyFont="1" applyBorder="1"/>
    <xf numFmtId="0" fontId="6" fillId="0" borderId="16" xfId="1" applyFont="1" applyBorder="1"/>
    <xf numFmtId="0" fontId="6" fillId="0" borderId="5" xfId="1" applyFont="1" applyFill="1" applyBorder="1" applyAlignment="1">
      <alignment horizontal="center" vertical="center"/>
    </xf>
    <xf numFmtId="0" fontId="5" fillId="0" borderId="4" xfId="1" applyFont="1" applyFill="1" applyBorder="1" applyAlignment="1">
      <alignment horizontal="center" vertical="center"/>
    </xf>
    <xf numFmtId="0" fontId="5" fillId="0" borderId="3" xfId="1" applyFont="1" applyFill="1" applyBorder="1" applyAlignment="1">
      <alignment horizontal="center"/>
    </xf>
    <xf numFmtId="0" fontId="5" fillId="0" borderId="5" xfId="1" applyFont="1" applyFill="1" applyBorder="1" applyAlignment="1">
      <alignment horizontal="center"/>
    </xf>
    <xf numFmtId="0" fontId="5" fillId="0" borderId="6" xfId="1" applyFont="1" applyFill="1" applyBorder="1" applyAlignment="1">
      <alignment horizontal="center"/>
    </xf>
    <xf numFmtId="0" fontId="6" fillId="0" borderId="19" xfId="1" applyFont="1" applyBorder="1" applyAlignment="1">
      <alignment horizontal="centerContinuous"/>
    </xf>
    <xf numFmtId="0" fontId="3" fillId="0" borderId="1" xfId="1" applyFont="1" applyBorder="1" applyAlignment="1">
      <alignment horizontal="centerContinuous"/>
    </xf>
    <xf numFmtId="0" fontId="6" fillId="0" borderId="20" xfId="1" applyFont="1" applyFill="1" applyBorder="1" applyAlignment="1">
      <alignment horizontal="centerContinuous"/>
    </xf>
    <xf numFmtId="0" fontId="6" fillId="0" borderId="21" xfId="1" applyFont="1" applyFill="1" applyBorder="1" applyAlignment="1">
      <alignment horizontal="centerContinuous"/>
    </xf>
    <xf numFmtId="0" fontId="5" fillId="0" borderId="22" xfId="1" applyFont="1" applyFill="1" applyBorder="1" applyAlignment="1">
      <alignment horizontal="centerContinuous" vertical="center"/>
    </xf>
    <xf numFmtId="0" fontId="5" fillId="0" borderId="26" xfId="1" applyFont="1" applyFill="1" applyBorder="1" applyAlignment="1">
      <alignment horizontal="center"/>
    </xf>
    <xf numFmtId="0" fontId="5" fillId="0" borderId="27" xfId="1" applyFont="1" applyFill="1" applyBorder="1" applyAlignment="1">
      <alignment horizontal="center"/>
    </xf>
    <xf numFmtId="0" fontId="5" fillId="0" borderId="28" xfId="1" applyFont="1" applyFill="1" applyBorder="1"/>
    <xf numFmtId="0" fontId="6" fillId="0" borderId="29" xfId="1" applyFont="1" applyBorder="1"/>
    <xf numFmtId="0" fontId="6" fillId="0" borderId="24" xfId="1" applyFont="1" applyBorder="1"/>
    <xf numFmtId="0" fontId="6" fillId="0" borderId="30" xfId="1" applyFont="1" applyBorder="1" applyAlignment="1"/>
    <xf numFmtId="0" fontId="6" fillId="0" borderId="0" xfId="1" applyFont="1" applyBorder="1" applyAlignment="1">
      <alignment horizontal="center"/>
    </xf>
    <xf numFmtId="0" fontId="6" fillId="0" borderId="0" xfId="1" applyFont="1" applyAlignment="1">
      <alignment horizontal="centerContinuous"/>
    </xf>
    <xf numFmtId="0" fontId="12" fillId="0" borderId="0" xfId="1" applyFont="1" applyBorder="1"/>
    <xf numFmtId="0" fontId="5" fillId="0" borderId="0" xfId="2"/>
    <xf numFmtId="0" fontId="13" fillId="0" borderId="0" xfId="1" applyFont="1" applyBorder="1" applyAlignment="1">
      <alignment horizontal="left"/>
    </xf>
    <xf numFmtId="0" fontId="11" fillId="0" borderId="0" xfId="1" applyFont="1" applyBorder="1" applyAlignment="1">
      <alignment horizontal="left"/>
    </xf>
    <xf numFmtId="0" fontId="14" fillId="0" borderId="0" xfId="1" applyFont="1" applyBorder="1" applyAlignment="1">
      <alignment horizontal="left"/>
    </xf>
    <xf numFmtId="0" fontId="5" fillId="0" borderId="0" xfId="1" applyFont="1" applyBorder="1" applyAlignment="1">
      <alignment horizontal="left"/>
    </xf>
    <xf numFmtId="0" fontId="15" fillId="0" borderId="0" xfId="1" applyFont="1" applyBorder="1" applyAlignment="1"/>
    <xf numFmtId="0" fontId="16" fillId="0" borderId="0" xfId="1" applyFont="1" applyBorder="1"/>
    <xf numFmtId="0" fontId="17" fillId="0" borderId="0" xfId="2" applyFont="1"/>
    <xf numFmtId="0" fontId="18" fillId="0" borderId="0" xfId="1" applyFont="1" applyBorder="1" applyAlignment="1"/>
    <xf numFmtId="0" fontId="5" fillId="0" borderId="23" xfId="1" applyFont="1" applyFill="1" applyBorder="1" applyAlignment="1">
      <alignment horizontal="center"/>
    </xf>
    <xf numFmtId="0" fontId="5" fillId="0" borderId="32" xfId="1" applyFont="1" applyFill="1" applyBorder="1" applyAlignment="1">
      <alignment horizontal="center"/>
    </xf>
    <xf numFmtId="0" fontId="5" fillId="0" borderId="11" xfId="1" applyFont="1" applyFill="1" applyBorder="1" applyAlignment="1">
      <alignment horizontal="center"/>
    </xf>
    <xf numFmtId="0" fontId="5" fillId="0" borderId="33" xfId="1" applyFont="1" applyFill="1" applyBorder="1" applyAlignment="1">
      <alignment horizontal="center" shrinkToFit="1"/>
    </xf>
    <xf numFmtId="0" fontId="6" fillId="0" borderId="9" xfId="1" applyFont="1" applyFill="1" applyBorder="1" applyAlignment="1">
      <alignment horizontal="center" vertical="center"/>
    </xf>
    <xf numFmtId="0" fontId="5" fillId="0" borderId="42" xfId="2" applyFont="1" applyFill="1" applyBorder="1" applyAlignment="1">
      <alignment horizontal="center" vertical="center" wrapText="1"/>
    </xf>
    <xf numFmtId="0" fontId="0" fillId="0" borderId="27" xfId="0" applyBorder="1">
      <alignment vertical="center"/>
    </xf>
    <xf numFmtId="0" fontId="5" fillId="0" borderId="2" xfId="1" applyFont="1" applyFill="1" applyBorder="1" applyAlignment="1">
      <alignment horizontal="center" wrapText="1" shrinkToFit="1"/>
    </xf>
    <xf numFmtId="0" fontId="6" fillId="0" borderId="2" xfId="1" applyFont="1" applyFill="1" applyBorder="1" applyAlignment="1">
      <alignment horizontal="center" vertical="center" wrapText="1" shrinkToFit="1"/>
    </xf>
    <xf numFmtId="0" fontId="6" fillId="0" borderId="8" xfId="1" applyFont="1" applyFill="1" applyBorder="1" applyAlignment="1">
      <alignment horizontal="center" vertical="center" wrapText="1"/>
    </xf>
    <xf numFmtId="0" fontId="9" fillId="0" borderId="49" xfId="2" applyFont="1" applyBorder="1" applyAlignment="1">
      <alignment horizontal="center" vertical="center"/>
    </xf>
    <xf numFmtId="0" fontId="9" fillId="0" borderId="50" xfId="2" applyFont="1" applyBorder="1" applyAlignment="1">
      <alignment vertical="center"/>
    </xf>
    <xf numFmtId="0" fontId="9" fillId="0" borderId="16" xfId="2" applyFont="1" applyBorder="1" applyAlignment="1">
      <alignment horizontal="center" vertical="center"/>
    </xf>
    <xf numFmtId="0" fontId="9" fillId="0" borderId="15" xfId="2" applyFont="1" applyBorder="1" applyAlignment="1">
      <alignment vertical="center"/>
    </xf>
    <xf numFmtId="0" fontId="9" fillId="0" borderId="51" xfId="2" applyFont="1" applyBorder="1" applyAlignment="1">
      <alignment horizontal="center" vertical="center"/>
    </xf>
    <xf numFmtId="0" fontId="9" fillId="0" borderId="52" xfId="2" applyFont="1" applyBorder="1" applyAlignment="1">
      <alignment horizontal="center" vertical="center"/>
    </xf>
    <xf numFmtId="0" fontId="9" fillId="0" borderId="53" xfId="2" applyFont="1" applyBorder="1" applyAlignment="1">
      <alignment horizontal="center" vertical="center"/>
    </xf>
    <xf numFmtId="179" fontId="9" fillId="0" borderId="36" xfId="1" applyNumberFormat="1" applyFont="1" applyFill="1" applyBorder="1" applyAlignment="1">
      <alignment vertical="center"/>
    </xf>
    <xf numFmtId="179" fontId="9" fillId="0" borderId="34" xfId="1" applyNumberFormat="1" applyFont="1" applyFill="1" applyBorder="1" applyAlignment="1">
      <alignment horizontal="center" vertical="center"/>
    </xf>
    <xf numFmtId="179" fontId="9" fillId="0" borderId="38" xfId="1" applyNumberFormat="1" applyFont="1" applyFill="1" applyBorder="1" applyAlignment="1">
      <alignment vertical="center"/>
    </xf>
    <xf numFmtId="179" fontId="9" fillId="0" borderId="7" xfId="1" applyNumberFormat="1" applyFont="1" applyFill="1" applyBorder="1" applyAlignment="1">
      <alignment vertical="center"/>
    </xf>
    <xf numFmtId="179" fontId="9" fillId="0" borderId="39" xfId="1" applyNumberFormat="1" applyFont="1" applyFill="1" applyBorder="1" applyAlignment="1">
      <alignment vertical="center"/>
    </xf>
    <xf numFmtId="179" fontId="9" fillId="0" borderId="34" xfId="1" applyNumberFormat="1" applyFont="1" applyFill="1" applyBorder="1" applyAlignment="1">
      <alignment vertical="center"/>
    </xf>
    <xf numFmtId="179" fontId="9" fillId="0" borderId="11" xfId="3" quotePrefix="1" applyNumberFormat="1" applyFont="1" applyBorder="1" applyAlignment="1">
      <alignment vertical="center"/>
    </xf>
    <xf numFmtId="179" fontId="9" fillId="0" borderId="39" xfId="1" applyNumberFormat="1" applyFont="1" applyFill="1" applyBorder="1" applyAlignment="1">
      <alignment horizontal="right" vertical="center"/>
    </xf>
    <xf numFmtId="179" fontId="9" fillId="0" borderId="40" xfId="1" applyNumberFormat="1" applyFont="1" applyFill="1" applyBorder="1" applyAlignment="1">
      <alignment vertical="center"/>
    </xf>
    <xf numFmtId="179" fontId="9" fillId="0" borderId="46" xfId="3" quotePrefix="1" applyNumberFormat="1" applyFont="1" applyBorder="1" applyAlignment="1">
      <alignment horizontal="right" vertical="center"/>
    </xf>
    <xf numFmtId="179" fontId="9" fillId="0" borderId="41" xfId="1" applyNumberFormat="1" applyFont="1" applyFill="1" applyBorder="1" applyAlignment="1">
      <alignment vertical="center"/>
    </xf>
    <xf numFmtId="179" fontId="9" fillId="0" borderId="7" xfId="1" applyNumberFormat="1" applyFont="1" applyFill="1" applyBorder="1" applyAlignment="1">
      <alignment horizontal="center" vertical="center"/>
    </xf>
    <xf numFmtId="179" fontId="9" fillId="0" borderId="48" xfId="3" quotePrefix="1" applyNumberFormat="1" applyFont="1" applyBorder="1" applyAlignment="1">
      <alignment horizontal="left" vertical="center"/>
    </xf>
    <xf numFmtId="179" fontId="9" fillId="0" borderId="54" xfId="3" quotePrefix="1" applyNumberFormat="1" applyFont="1" applyBorder="1" applyAlignment="1">
      <alignment horizontal="right" vertical="center"/>
    </xf>
    <xf numFmtId="179" fontId="9" fillId="0" borderId="55" xfId="3" quotePrefix="1" applyNumberFormat="1" applyFont="1" applyBorder="1" applyAlignment="1">
      <alignment horizontal="right" vertical="center"/>
    </xf>
    <xf numFmtId="179" fontId="9" fillId="0" borderId="56" xfId="3" quotePrefix="1" applyNumberFormat="1" applyFont="1" applyBorder="1" applyAlignment="1">
      <alignment horizontal="right" vertical="center"/>
    </xf>
    <xf numFmtId="179" fontId="9" fillId="0" borderId="55" xfId="3" quotePrefix="1" applyNumberFormat="1" applyFont="1" applyBorder="1" applyAlignment="1">
      <alignment vertical="center"/>
    </xf>
    <xf numFmtId="179" fontId="9" fillId="0" borderId="57" xfId="3" quotePrefix="1" applyNumberFormat="1" applyFont="1" applyBorder="1" applyAlignment="1">
      <alignment horizontal="right" vertical="center"/>
    </xf>
    <xf numFmtId="179" fontId="9" fillId="0" borderId="48" xfId="3" quotePrefix="1" applyNumberFormat="1" applyFont="1" applyBorder="1" applyAlignment="1">
      <alignment horizontal="right" vertical="center"/>
    </xf>
    <xf numFmtId="179" fontId="9" fillId="0" borderId="57" xfId="2" applyNumberFormat="1" applyFont="1" applyBorder="1" applyAlignment="1">
      <alignment horizontal="right" vertical="center"/>
    </xf>
    <xf numFmtId="179" fontId="8" fillId="0" borderId="56" xfId="0" applyNumberFormat="1" applyFont="1" applyFill="1" applyBorder="1" applyAlignment="1">
      <alignment horizontal="right" vertical="center"/>
    </xf>
    <xf numFmtId="179" fontId="9" fillId="0" borderId="13" xfId="3" quotePrefix="1" applyNumberFormat="1" applyFont="1" applyBorder="1" applyAlignment="1">
      <alignment horizontal="right" vertical="center"/>
    </xf>
    <xf numFmtId="179" fontId="9" fillId="0" borderId="9" xfId="3" quotePrefix="1" applyNumberFormat="1" applyFont="1" applyBorder="1" applyAlignment="1">
      <alignment horizontal="right" vertical="center"/>
    </xf>
    <xf numFmtId="179" fontId="9" fillId="0" borderId="8" xfId="3" quotePrefix="1" applyNumberFormat="1" applyFont="1" applyBorder="1" applyAlignment="1">
      <alignment horizontal="right" vertical="center"/>
    </xf>
    <xf numFmtId="179" fontId="9" fillId="0" borderId="9" xfId="3" quotePrefix="1" applyNumberFormat="1" applyFont="1" applyBorder="1" applyAlignment="1">
      <alignment vertical="center"/>
    </xf>
    <xf numFmtId="179" fontId="9" fillId="0" borderId="47" xfId="3" quotePrefix="1" applyNumberFormat="1" applyFont="1" applyBorder="1" applyAlignment="1">
      <alignment horizontal="left" vertical="center"/>
    </xf>
    <xf numFmtId="179" fontId="9" fillId="0" borderId="10" xfId="3" quotePrefix="1" applyNumberFormat="1" applyFont="1" applyBorder="1" applyAlignment="1">
      <alignment horizontal="right" vertical="center"/>
    </xf>
    <xf numFmtId="179" fontId="9" fillId="0" borderId="47" xfId="3" quotePrefix="1" applyNumberFormat="1" applyFont="1" applyBorder="1" applyAlignment="1">
      <alignment horizontal="right" vertical="center"/>
    </xf>
    <xf numFmtId="179" fontId="9" fillId="0" borderId="10" xfId="2" applyNumberFormat="1" applyFont="1" applyBorder="1" applyAlignment="1">
      <alignment horizontal="right" vertical="center"/>
    </xf>
    <xf numFmtId="179" fontId="8" fillId="0" borderId="8" xfId="0" applyNumberFormat="1" applyFont="1" applyFill="1" applyBorder="1" applyAlignment="1">
      <alignment horizontal="right" vertical="center"/>
    </xf>
    <xf numFmtId="179" fontId="9" fillId="0" borderId="9" xfId="3" quotePrefix="1" applyNumberFormat="1" applyFont="1" applyBorder="1" applyAlignment="1">
      <alignment horizontal="center" vertical="center"/>
    </xf>
    <xf numFmtId="179" fontId="9" fillId="0" borderId="55" xfId="3" quotePrefix="1" applyNumberFormat="1" applyFont="1" applyBorder="1" applyAlignment="1">
      <alignment horizontal="center" vertical="center"/>
    </xf>
    <xf numFmtId="176" fontId="9" fillId="0" borderId="37" xfId="1" applyNumberFormat="1" applyFont="1" applyFill="1" applyBorder="1" applyAlignment="1">
      <alignment vertical="center" shrinkToFit="1"/>
    </xf>
    <xf numFmtId="180" fontId="9" fillId="0" borderId="37" xfId="1" applyNumberFormat="1" applyFont="1" applyFill="1" applyBorder="1" applyAlignment="1">
      <alignment horizontal="right" vertical="center"/>
    </xf>
    <xf numFmtId="180" fontId="9" fillId="0" borderId="39" xfId="1" applyNumberFormat="1" applyFont="1" applyFill="1" applyBorder="1" applyAlignment="1">
      <alignment horizontal="center" vertical="center"/>
    </xf>
    <xf numFmtId="180" fontId="8" fillId="0" borderId="9" xfId="0" applyNumberFormat="1" applyFont="1" applyFill="1" applyBorder="1" applyAlignment="1">
      <alignment horizontal="right" vertical="center"/>
    </xf>
    <xf numFmtId="0" fontId="9" fillId="0" borderId="58" xfId="2" applyFont="1" applyBorder="1" applyAlignment="1">
      <alignment horizontal="center" vertical="center"/>
    </xf>
    <xf numFmtId="0" fontId="9" fillId="0" borderId="59" xfId="2" applyFont="1" applyBorder="1" applyAlignment="1">
      <alignment vertical="center"/>
    </xf>
    <xf numFmtId="0" fontId="9" fillId="0" borderId="60" xfId="2" applyFont="1" applyBorder="1" applyAlignment="1">
      <alignment horizontal="center" vertical="center"/>
    </xf>
    <xf numFmtId="179" fontId="9" fillId="0" borderId="61" xfId="3" quotePrefix="1" applyNumberFormat="1" applyFont="1" applyBorder="1" applyAlignment="1">
      <alignment horizontal="right" vertical="center"/>
    </xf>
    <xf numFmtId="179" fontId="9" fillId="0" borderId="62" xfId="3" quotePrefix="1" applyNumberFormat="1" applyFont="1" applyBorder="1" applyAlignment="1">
      <alignment horizontal="right" vertical="center"/>
    </xf>
    <xf numFmtId="179" fontId="9" fillId="0" borderId="63" xfId="3" quotePrefix="1" applyNumberFormat="1" applyFont="1" applyBorder="1" applyAlignment="1">
      <alignment horizontal="right" vertical="center"/>
    </xf>
    <xf numFmtId="179" fontId="9" fillId="0" borderId="62" xfId="3" quotePrefix="1" applyNumberFormat="1" applyFont="1" applyBorder="1" applyAlignment="1">
      <alignment vertical="center"/>
    </xf>
    <xf numFmtId="179" fontId="9" fillId="0" borderId="64" xfId="3" quotePrefix="1" applyNumberFormat="1" applyFont="1" applyBorder="1" applyAlignment="1">
      <alignment horizontal="left" vertical="center"/>
    </xf>
    <xf numFmtId="179" fontId="9" fillId="0" borderId="65" xfId="3" quotePrefix="1" applyNumberFormat="1" applyFont="1" applyBorder="1" applyAlignment="1">
      <alignment horizontal="right" vertical="center"/>
    </xf>
    <xf numFmtId="179" fontId="9" fillId="0" borderId="62" xfId="3" quotePrefix="1" applyNumberFormat="1" applyFont="1" applyBorder="1" applyAlignment="1">
      <alignment horizontal="center" vertical="center"/>
    </xf>
    <xf numFmtId="179" fontId="9" fillId="0" borderId="64" xfId="3" quotePrefix="1" applyNumberFormat="1" applyFont="1" applyBorder="1" applyAlignment="1">
      <alignment horizontal="right" vertical="center"/>
    </xf>
    <xf numFmtId="179" fontId="9" fillId="0" borderId="65" xfId="2" applyNumberFormat="1" applyFont="1" applyBorder="1" applyAlignment="1">
      <alignment horizontal="right" vertical="center"/>
    </xf>
    <xf numFmtId="180" fontId="8" fillId="0" borderId="62" xfId="0" applyNumberFormat="1" applyFont="1" applyFill="1" applyBorder="1" applyAlignment="1">
      <alignment horizontal="right" vertical="center"/>
    </xf>
    <xf numFmtId="179" fontId="8" fillId="0" borderId="63" xfId="0" applyNumberFormat="1" applyFont="1" applyFill="1" applyBorder="1" applyAlignment="1">
      <alignment horizontal="right" vertical="center"/>
    </xf>
    <xf numFmtId="180" fontId="8" fillId="0" borderId="55" xfId="0" applyNumberFormat="1" applyFont="1" applyFill="1" applyBorder="1" applyAlignment="1">
      <alignment horizontal="right" vertical="center"/>
    </xf>
    <xf numFmtId="0" fontId="9" fillId="0" borderId="7" xfId="1" applyFont="1" applyBorder="1" applyAlignment="1">
      <alignment horizontal="right" vertical="center"/>
    </xf>
    <xf numFmtId="0" fontId="0" fillId="0" borderId="35" xfId="0" applyBorder="1" applyAlignment="1">
      <alignment horizontal="right" vertical="center"/>
    </xf>
    <xf numFmtId="0" fontId="7" fillId="0" borderId="27" xfId="1" applyFont="1" applyFill="1" applyBorder="1" applyAlignment="1">
      <alignment horizontal="center" vertical="center" wrapText="1"/>
    </xf>
    <xf numFmtId="0" fontId="0" fillId="0" borderId="45" xfId="0" applyBorder="1" applyAlignment="1">
      <alignment horizontal="center" vertical="center"/>
    </xf>
    <xf numFmtId="0" fontId="7" fillId="0" borderId="29" xfId="1" applyFont="1" applyFill="1" applyBorder="1" applyAlignment="1">
      <alignment horizontal="center" vertical="center" wrapText="1"/>
    </xf>
    <xf numFmtId="0" fontId="0" fillId="0" borderId="44" xfId="0" applyBorder="1" applyAlignment="1">
      <alignment horizontal="center" vertical="center"/>
    </xf>
    <xf numFmtId="0" fontId="10" fillId="0" borderId="15" xfId="1" applyFont="1" applyBorder="1" applyAlignment="1">
      <alignment horizontal="right"/>
    </xf>
    <xf numFmtId="0" fontId="0" fillId="0" borderId="15" xfId="0" applyBorder="1" applyAlignment="1"/>
    <xf numFmtId="0" fontId="5" fillId="0" borderId="27" xfId="1" applyFont="1" applyFill="1" applyBorder="1" applyAlignment="1">
      <alignment horizontal="center" vertical="center" wrapText="1"/>
    </xf>
    <xf numFmtId="0" fontId="5" fillId="0" borderId="5" xfId="1" applyFont="1" applyFill="1" applyBorder="1" applyAlignment="1">
      <alignment horizontal="center" vertical="center" wrapText="1"/>
    </xf>
    <xf numFmtId="0" fontId="5" fillId="0" borderId="9" xfId="1" applyFont="1" applyFill="1" applyBorder="1" applyAlignment="1">
      <alignment horizontal="center" vertical="center" wrapText="1"/>
    </xf>
    <xf numFmtId="0" fontId="7" fillId="0" borderId="25" xfId="1" applyFont="1" applyFill="1" applyBorder="1" applyAlignment="1">
      <alignment horizontal="center" vertical="center"/>
    </xf>
    <xf numFmtId="0" fontId="7" fillId="0" borderId="23" xfId="1" applyFont="1" applyFill="1" applyBorder="1" applyAlignment="1">
      <alignment horizontal="center" vertical="center"/>
    </xf>
    <xf numFmtId="0" fontId="7" fillId="0" borderId="18" xfId="1" applyFont="1" applyFill="1" applyBorder="1" applyAlignment="1">
      <alignment horizontal="center" vertical="center"/>
    </xf>
    <xf numFmtId="0" fontId="7" fillId="0" borderId="17" xfId="1" applyFont="1" applyFill="1" applyBorder="1" applyAlignment="1">
      <alignment horizontal="center" vertical="center"/>
    </xf>
    <xf numFmtId="0" fontId="7" fillId="0" borderId="24" xfId="1" applyFont="1" applyFill="1" applyBorder="1" applyAlignment="1">
      <alignment horizontal="center"/>
    </xf>
    <xf numFmtId="0" fontId="5" fillId="0" borderId="23" xfId="2" applyBorder="1" applyAlignment="1">
      <alignment horizontal="center"/>
    </xf>
    <xf numFmtId="0" fontId="7" fillId="0" borderId="43" xfId="1" applyFont="1" applyFill="1" applyBorder="1" applyAlignment="1">
      <alignment horizontal="center" vertical="center"/>
    </xf>
    <xf numFmtId="0" fontId="5" fillId="0" borderId="17" xfId="2" applyBorder="1" applyAlignment="1">
      <alignment horizontal="center" vertical="center"/>
    </xf>
  </cellXfs>
  <cellStyles count="13">
    <cellStyle name="Calc Currency (0)" xfId="4"/>
    <cellStyle name="entry" xfId="5"/>
    <cellStyle name="Header1" xfId="6"/>
    <cellStyle name="Header2" xfId="7"/>
    <cellStyle name="Normal_#18-Internet" xfId="8"/>
    <cellStyle name="price" xfId="9"/>
    <cellStyle name="revised" xfId="10"/>
    <cellStyle name="section" xfId="11"/>
    <cellStyle name="title" xfId="12"/>
    <cellStyle name="標準" xfId="0" builtinId="0"/>
    <cellStyle name="標準 2" xfId="2"/>
    <cellStyle name="標準_suii" xfId="3"/>
    <cellStyle name="標準_表10-12改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64"/>
  <sheetViews>
    <sheetView tabSelected="1" zoomScale="80" zoomScaleNormal="80" zoomScaleSheetLayoutView="90" workbookViewId="0"/>
  </sheetViews>
  <sheetFormatPr defaultRowHeight="14.25"/>
  <cols>
    <col min="1" max="1" width="9.625" customWidth="1"/>
    <col min="2" max="3" width="3.625" customWidth="1"/>
    <col min="4" max="4" width="9.125" bestFit="1" customWidth="1"/>
    <col min="5" max="6" width="7.625" customWidth="1"/>
    <col min="7" max="19" width="9.125" bestFit="1" customWidth="1"/>
    <col min="20" max="20" width="8.625" customWidth="1"/>
    <col min="21" max="23" width="9.125" bestFit="1" customWidth="1"/>
    <col min="24" max="25" width="8" bestFit="1" customWidth="1"/>
  </cols>
  <sheetData>
    <row r="1" spans="1:26" ht="25.15" customHeight="1">
      <c r="A1" s="57" t="s">
        <v>37</v>
      </c>
      <c r="B1" s="56"/>
      <c r="C1" s="55"/>
      <c r="D1" s="55"/>
      <c r="E1" s="55"/>
      <c r="F1" s="18"/>
      <c r="G1" s="18"/>
      <c r="H1" s="18"/>
      <c r="I1" s="18"/>
      <c r="J1" s="18"/>
      <c r="K1" s="18"/>
      <c r="L1" s="18"/>
      <c r="M1" s="18"/>
      <c r="N1" s="18"/>
      <c r="O1" s="18"/>
      <c r="P1" s="18"/>
      <c r="Q1" s="18"/>
      <c r="R1" s="53" t="s">
        <v>16</v>
      </c>
      <c r="S1" s="53"/>
      <c r="T1" s="53"/>
      <c r="U1" s="52"/>
      <c r="V1" s="50"/>
      <c r="W1" s="51"/>
      <c r="X1" s="50"/>
      <c r="Y1" s="49"/>
    </row>
    <row r="2" spans="1:26" ht="25.15" customHeight="1">
      <c r="A2" s="54"/>
      <c r="B2" s="49"/>
      <c r="C2" s="18"/>
      <c r="D2" s="18"/>
      <c r="E2" s="18"/>
      <c r="F2" s="18"/>
      <c r="G2" s="18"/>
      <c r="H2" s="18"/>
      <c r="I2" s="18"/>
      <c r="J2" s="18"/>
      <c r="K2" s="18"/>
      <c r="L2" s="18"/>
      <c r="M2" s="18"/>
      <c r="N2" s="18"/>
      <c r="O2" s="18"/>
      <c r="P2" s="18"/>
      <c r="Q2" s="18"/>
      <c r="R2" s="53"/>
      <c r="S2" s="53"/>
      <c r="T2" s="53"/>
      <c r="U2" s="52"/>
      <c r="V2" s="50"/>
      <c r="W2" s="51"/>
      <c r="X2" s="50"/>
      <c r="Y2" s="49"/>
    </row>
    <row r="3" spans="1:26" ht="25.15" customHeight="1" thickBot="1">
      <c r="A3" s="48" t="s">
        <v>15</v>
      </c>
      <c r="B3" s="47"/>
      <c r="C3" s="19"/>
      <c r="D3" s="19"/>
      <c r="E3" s="19"/>
      <c r="F3" s="19"/>
      <c r="G3" s="19"/>
      <c r="H3" s="19"/>
      <c r="I3" s="19"/>
      <c r="J3" s="19"/>
      <c r="K3" s="19"/>
      <c r="L3" s="19"/>
      <c r="M3" s="19"/>
      <c r="N3" s="46"/>
      <c r="O3" s="19"/>
      <c r="P3" s="19"/>
      <c r="Q3" s="19"/>
      <c r="R3" s="19"/>
      <c r="S3" s="19"/>
      <c r="T3" s="19"/>
      <c r="U3" s="132" t="s">
        <v>41</v>
      </c>
      <c r="V3" s="133"/>
      <c r="W3" s="133"/>
      <c r="X3" s="133"/>
      <c r="Y3" s="133"/>
    </row>
    <row r="4" spans="1:26" ht="31.5" customHeight="1">
      <c r="A4" s="45"/>
      <c r="B4" s="44"/>
      <c r="C4" s="43"/>
      <c r="D4" s="42"/>
      <c r="E4" s="64"/>
      <c r="F4" s="61"/>
      <c r="G4" s="58"/>
      <c r="H4" s="41"/>
      <c r="I4" s="41" t="s">
        <v>14</v>
      </c>
      <c r="J4" s="41" t="s">
        <v>13</v>
      </c>
      <c r="K4" s="134" t="s">
        <v>17</v>
      </c>
      <c r="L4" s="134" t="s">
        <v>18</v>
      </c>
      <c r="M4" s="41" t="s">
        <v>12</v>
      </c>
      <c r="N4" s="41"/>
      <c r="O4" s="134" t="s">
        <v>19</v>
      </c>
      <c r="P4" s="40"/>
      <c r="Q4" s="137" t="s">
        <v>20</v>
      </c>
      <c r="R4" s="138"/>
      <c r="S4" s="128" t="s">
        <v>28</v>
      </c>
      <c r="T4" s="130" t="s">
        <v>30</v>
      </c>
      <c r="U4" s="141" t="s">
        <v>21</v>
      </c>
      <c r="V4" s="142"/>
      <c r="W4" s="39" t="s">
        <v>11</v>
      </c>
      <c r="X4" s="38"/>
      <c r="Y4" s="37"/>
    </row>
    <row r="5" spans="1:26" ht="31.5" customHeight="1">
      <c r="A5" s="36" t="s">
        <v>22</v>
      </c>
      <c r="B5" s="19"/>
      <c r="C5" s="35"/>
      <c r="D5" s="34" t="s">
        <v>1</v>
      </c>
      <c r="E5" s="33" t="s">
        <v>26</v>
      </c>
      <c r="F5" s="65" t="s">
        <v>31</v>
      </c>
      <c r="G5" s="59" t="s">
        <v>2</v>
      </c>
      <c r="H5" s="33" t="s">
        <v>0</v>
      </c>
      <c r="I5" s="33" t="s">
        <v>10</v>
      </c>
      <c r="J5" s="33" t="s">
        <v>10</v>
      </c>
      <c r="K5" s="135"/>
      <c r="L5" s="135"/>
      <c r="M5" s="33" t="s">
        <v>10</v>
      </c>
      <c r="N5" s="33" t="s">
        <v>9</v>
      </c>
      <c r="O5" s="135"/>
      <c r="P5" s="32" t="s">
        <v>8</v>
      </c>
      <c r="Q5" s="139"/>
      <c r="R5" s="140"/>
      <c r="S5" s="129"/>
      <c r="T5" s="131"/>
      <c r="U5" s="143" t="s">
        <v>7</v>
      </c>
      <c r="V5" s="144"/>
      <c r="W5" s="31" t="s">
        <v>1</v>
      </c>
      <c r="X5" s="30" t="s">
        <v>23</v>
      </c>
      <c r="Y5" s="66" t="s">
        <v>33</v>
      </c>
    </row>
    <row r="6" spans="1:26" ht="31.5" customHeight="1" thickBot="1">
      <c r="A6" s="29"/>
      <c r="B6" s="28"/>
      <c r="C6" s="27"/>
      <c r="D6" s="26"/>
      <c r="E6" s="20" t="s">
        <v>6</v>
      </c>
      <c r="F6" s="67" t="s">
        <v>36</v>
      </c>
      <c r="G6" s="60"/>
      <c r="H6" s="25"/>
      <c r="I6" s="20" t="s">
        <v>5</v>
      </c>
      <c r="J6" s="62" t="s">
        <v>4</v>
      </c>
      <c r="K6" s="136"/>
      <c r="L6" s="135"/>
      <c r="M6" s="20" t="s">
        <v>3</v>
      </c>
      <c r="N6" s="25"/>
      <c r="O6" s="136"/>
      <c r="P6" s="24"/>
      <c r="Q6" s="23" t="s">
        <v>1</v>
      </c>
      <c r="R6" s="20" t="s">
        <v>2</v>
      </c>
      <c r="S6" s="22" t="s">
        <v>29</v>
      </c>
      <c r="T6" s="63" t="s">
        <v>27</v>
      </c>
      <c r="U6" s="22" t="s">
        <v>1</v>
      </c>
      <c r="V6" s="20" t="s">
        <v>0</v>
      </c>
      <c r="W6" s="21"/>
      <c r="X6" s="20" t="s">
        <v>32</v>
      </c>
      <c r="Y6" s="67" t="s">
        <v>36</v>
      </c>
    </row>
    <row r="7" spans="1:26" ht="25.15" customHeight="1" thickBot="1">
      <c r="A7" s="73" t="s">
        <v>38</v>
      </c>
      <c r="B7" s="126" t="s">
        <v>25</v>
      </c>
      <c r="C7" s="127"/>
      <c r="D7" s="75">
        <v>99.4</v>
      </c>
      <c r="E7" s="76" t="s">
        <v>35</v>
      </c>
      <c r="F7" s="108">
        <v>-0.6</v>
      </c>
      <c r="G7" s="77">
        <v>99.8</v>
      </c>
      <c r="H7" s="78">
        <v>99.3</v>
      </c>
      <c r="I7" s="79">
        <v>99.3</v>
      </c>
      <c r="J7" s="80">
        <v>102.2</v>
      </c>
      <c r="K7" s="81">
        <v>101.6</v>
      </c>
      <c r="L7" s="80">
        <v>100.1</v>
      </c>
      <c r="M7" s="82">
        <v>94.2</v>
      </c>
      <c r="N7" s="79">
        <v>99.4</v>
      </c>
      <c r="O7" s="109">
        <v>102.3</v>
      </c>
      <c r="P7" s="109">
        <v>101</v>
      </c>
      <c r="Q7" s="83">
        <v>99.4</v>
      </c>
      <c r="R7" s="79">
        <v>100.2</v>
      </c>
      <c r="S7" s="105">
        <v>99.3</v>
      </c>
      <c r="T7" s="84">
        <v>99.1</v>
      </c>
      <c r="U7" s="85">
        <v>99.4</v>
      </c>
      <c r="V7" s="78">
        <v>99.8</v>
      </c>
      <c r="W7" s="85">
        <v>99.8</v>
      </c>
      <c r="X7" s="86" t="s">
        <v>35</v>
      </c>
      <c r="Y7" s="107">
        <v>-0.2</v>
      </c>
    </row>
    <row r="8" spans="1:26" ht="24.75" customHeight="1">
      <c r="A8" s="68" t="s">
        <v>46</v>
      </c>
      <c r="B8" s="69">
        <v>10</v>
      </c>
      <c r="C8" s="74" t="s">
        <v>24</v>
      </c>
      <c r="D8" s="88">
        <v>99.3</v>
      </c>
      <c r="E8" s="89">
        <v>-0.2</v>
      </c>
      <c r="F8" s="90">
        <v>-0.5</v>
      </c>
      <c r="G8" s="88">
        <v>100.1</v>
      </c>
      <c r="H8" s="89">
        <v>99</v>
      </c>
      <c r="I8" s="89">
        <v>102.7</v>
      </c>
      <c r="J8" s="89">
        <v>102</v>
      </c>
      <c r="K8" s="89">
        <v>102.7</v>
      </c>
      <c r="L8" s="89">
        <v>100.1</v>
      </c>
      <c r="M8" s="89">
        <v>91</v>
      </c>
      <c r="N8" s="89">
        <v>99.8</v>
      </c>
      <c r="O8" s="91">
        <v>102.3</v>
      </c>
      <c r="P8" s="87">
        <v>101.6</v>
      </c>
      <c r="Q8" s="92">
        <v>99.3</v>
      </c>
      <c r="R8" s="89">
        <v>100.4</v>
      </c>
      <c r="S8" s="106">
        <v>98.9</v>
      </c>
      <c r="T8" s="93">
        <v>98.5</v>
      </c>
      <c r="U8" s="92">
        <v>99.4</v>
      </c>
      <c r="V8" s="93">
        <v>99.7</v>
      </c>
      <c r="W8" s="94">
        <v>99.9</v>
      </c>
      <c r="X8" s="125">
        <v>-0.2</v>
      </c>
      <c r="Y8" s="95">
        <v>0.1</v>
      </c>
      <c r="Z8" s="1"/>
    </row>
    <row r="9" spans="1:26" ht="24.75" customHeight="1">
      <c r="A9" s="68"/>
      <c r="B9" s="69">
        <v>11</v>
      </c>
      <c r="C9" s="74" t="s">
        <v>24</v>
      </c>
      <c r="D9" s="88">
        <v>99.4</v>
      </c>
      <c r="E9" s="89">
        <v>0.1</v>
      </c>
      <c r="F9" s="90">
        <v>-0.1</v>
      </c>
      <c r="G9" s="88">
        <v>100.5</v>
      </c>
      <c r="H9" s="89">
        <v>99</v>
      </c>
      <c r="I9" s="89">
        <v>104.2</v>
      </c>
      <c r="J9" s="89">
        <v>101.4</v>
      </c>
      <c r="K9" s="89">
        <v>102.5</v>
      </c>
      <c r="L9" s="89">
        <v>99.9</v>
      </c>
      <c r="M9" s="89">
        <v>91.1</v>
      </c>
      <c r="N9" s="89">
        <v>99.8</v>
      </c>
      <c r="O9" s="91">
        <v>101.4</v>
      </c>
      <c r="P9" s="87">
        <v>101.8</v>
      </c>
      <c r="Q9" s="92">
        <v>99.4</v>
      </c>
      <c r="R9" s="89">
        <v>100.8</v>
      </c>
      <c r="S9" s="106">
        <v>98.9</v>
      </c>
      <c r="T9" s="93">
        <v>98.3</v>
      </c>
      <c r="U9" s="92">
        <v>99.5</v>
      </c>
      <c r="V9" s="93">
        <v>99.7</v>
      </c>
      <c r="W9" s="94">
        <v>100.1</v>
      </c>
      <c r="X9" s="125">
        <v>0.2</v>
      </c>
      <c r="Y9" s="95">
        <v>0.6</v>
      </c>
      <c r="Z9" s="1"/>
    </row>
    <row r="10" spans="1:26" ht="24.75" customHeight="1">
      <c r="A10" s="68"/>
      <c r="B10" s="69">
        <v>12</v>
      </c>
      <c r="C10" s="74" t="s">
        <v>39</v>
      </c>
      <c r="D10" s="88">
        <v>99.6</v>
      </c>
      <c r="E10" s="89">
        <v>0.2</v>
      </c>
      <c r="F10" s="90">
        <v>0.3</v>
      </c>
      <c r="G10" s="88">
        <v>100.6</v>
      </c>
      <c r="H10" s="89">
        <v>99.4</v>
      </c>
      <c r="I10" s="89">
        <v>105.5</v>
      </c>
      <c r="J10" s="89">
        <v>100.1</v>
      </c>
      <c r="K10" s="89">
        <v>101.6</v>
      </c>
      <c r="L10" s="89">
        <v>99.9</v>
      </c>
      <c r="M10" s="89">
        <v>90.9</v>
      </c>
      <c r="N10" s="89">
        <v>99.8</v>
      </c>
      <c r="O10" s="91">
        <v>102.6</v>
      </c>
      <c r="P10" s="87">
        <v>101.8</v>
      </c>
      <c r="Q10" s="92">
        <v>99.6</v>
      </c>
      <c r="R10" s="89">
        <v>100.7</v>
      </c>
      <c r="S10" s="106">
        <v>99</v>
      </c>
      <c r="T10" s="93">
        <v>98.5</v>
      </c>
      <c r="U10" s="92">
        <v>99.7</v>
      </c>
      <c r="V10" s="93">
        <v>99.9</v>
      </c>
      <c r="W10" s="94">
        <v>100.1</v>
      </c>
      <c r="X10" s="125">
        <v>0</v>
      </c>
      <c r="Y10" s="95">
        <v>0.8</v>
      </c>
      <c r="Z10" s="1"/>
    </row>
    <row r="11" spans="1:26" ht="24.75" customHeight="1">
      <c r="A11" s="68" t="s">
        <v>43</v>
      </c>
      <c r="B11" s="69">
        <v>1</v>
      </c>
      <c r="C11" s="74" t="s">
        <v>24</v>
      </c>
      <c r="D11" s="88">
        <v>99.8</v>
      </c>
      <c r="E11" s="89">
        <v>0.3</v>
      </c>
      <c r="F11" s="90">
        <v>-0.1</v>
      </c>
      <c r="G11" s="88">
        <v>101.4</v>
      </c>
      <c r="H11" s="89">
        <v>99.4</v>
      </c>
      <c r="I11" s="89">
        <v>107.1</v>
      </c>
      <c r="J11" s="89">
        <v>100.2</v>
      </c>
      <c r="K11" s="89">
        <v>101.2</v>
      </c>
      <c r="L11" s="89">
        <v>99.8</v>
      </c>
      <c r="M11" s="89">
        <v>90.8</v>
      </c>
      <c r="N11" s="89">
        <v>99.8</v>
      </c>
      <c r="O11" s="91">
        <v>102.4</v>
      </c>
      <c r="P11" s="87">
        <v>101.9</v>
      </c>
      <c r="Q11" s="92">
        <v>99.6</v>
      </c>
      <c r="R11" s="89">
        <v>100.7</v>
      </c>
      <c r="S11" s="106">
        <v>99</v>
      </c>
      <c r="T11" s="93">
        <v>98.4</v>
      </c>
      <c r="U11" s="92">
        <v>100</v>
      </c>
      <c r="V11" s="93">
        <v>99.8</v>
      </c>
      <c r="W11" s="94">
        <v>100.3</v>
      </c>
      <c r="X11" s="125">
        <v>0.3</v>
      </c>
      <c r="Y11" s="95">
        <v>0.5</v>
      </c>
      <c r="Z11" s="1"/>
    </row>
    <row r="12" spans="1:26" ht="24.75" customHeight="1">
      <c r="A12" s="68"/>
      <c r="B12" s="69">
        <v>2</v>
      </c>
      <c r="C12" s="74" t="s">
        <v>40</v>
      </c>
      <c r="D12" s="88">
        <v>100.2</v>
      </c>
      <c r="E12" s="89">
        <v>0.3</v>
      </c>
      <c r="F12" s="90">
        <v>0.5</v>
      </c>
      <c r="G12" s="88">
        <v>101.9</v>
      </c>
      <c r="H12" s="89">
        <v>99.4</v>
      </c>
      <c r="I12" s="89">
        <v>110.6</v>
      </c>
      <c r="J12" s="89">
        <v>100.2</v>
      </c>
      <c r="K12" s="89">
        <v>100.6</v>
      </c>
      <c r="L12" s="89">
        <v>99.7</v>
      </c>
      <c r="M12" s="89">
        <v>90.9</v>
      </c>
      <c r="N12" s="89">
        <v>99.8</v>
      </c>
      <c r="O12" s="91">
        <v>102.3</v>
      </c>
      <c r="P12" s="87">
        <v>101.9</v>
      </c>
      <c r="Q12" s="92">
        <v>99.9</v>
      </c>
      <c r="R12" s="89">
        <v>101.3</v>
      </c>
      <c r="S12" s="106">
        <v>99</v>
      </c>
      <c r="T12" s="93">
        <v>98.4</v>
      </c>
      <c r="U12" s="92">
        <v>100.4</v>
      </c>
      <c r="V12" s="93">
        <v>99.6</v>
      </c>
      <c r="W12" s="94">
        <v>100.7</v>
      </c>
      <c r="X12" s="125">
        <v>0.4</v>
      </c>
      <c r="Y12" s="95">
        <v>0.9</v>
      </c>
      <c r="Z12" s="1"/>
    </row>
    <row r="13" spans="1:26" ht="24.75" customHeight="1">
      <c r="A13" s="68"/>
      <c r="B13" s="69">
        <v>3</v>
      </c>
      <c r="C13" s="74" t="s">
        <v>24</v>
      </c>
      <c r="D13" s="88">
        <v>100.4</v>
      </c>
      <c r="E13" s="89">
        <v>0.2</v>
      </c>
      <c r="F13" s="90">
        <v>0.7</v>
      </c>
      <c r="G13" s="88">
        <v>101.6</v>
      </c>
      <c r="H13" s="89">
        <v>99.4</v>
      </c>
      <c r="I13" s="89">
        <v>113.6</v>
      </c>
      <c r="J13" s="89">
        <v>102</v>
      </c>
      <c r="K13" s="89">
        <v>100.5</v>
      </c>
      <c r="L13" s="89">
        <v>99.7</v>
      </c>
      <c r="M13" s="89">
        <v>91.2</v>
      </c>
      <c r="N13" s="89">
        <v>99.9</v>
      </c>
      <c r="O13" s="91">
        <v>102.2</v>
      </c>
      <c r="P13" s="87">
        <v>101.9</v>
      </c>
      <c r="Q13" s="92">
        <v>100.3</v>
      </c>
      <c r="R13" s="89">
        <v>101.5</v>
      </c>
      <c r="S13" s="106">
        <v>99.2</v>
      </c>
      <c r="T13" s="93">
        <v>98.5</v>
      </c>
      <c r="U13" s="92">
        <v>100.6</v>
      </c>
      <c r="V13" s="93">
        <v>99.8</v>
      </c>
      <c r="W13" s="94">
        <v>101.1</v>
      </c>
      <c r="X13" s="125">
        <v>0.4</v>
      </c>
      <c r="Y13" s="95">
        <v>1.2</v>
      </c>
      <c r="Z13" s="1"/>
    </row>
    <row r="14" spans="1:26" ht="24.75" customHeight="1">
      <c r="A14" s="68"/>
      <c r="B14" s="69">
        <v>4</v>
      </c>
      <c r="C14" s="74" t="s">
        <v>40</v>
      </c>
      <c r="D14" s="88">
        <v>100.9</v>
      </c>
      <c r="E14" s="89">
        <v>0.5</v>
      </c>
      <c r="F14" s="90">
        <v>2.1</v>
      </c>
      <c r="G14" s="88">
        <v>102.3</v>
      </c>
      <c r="H14" s="89">
        <v>99.4</v>
      </c>
      <c r="I14" s="89">
        <v>115</v>
      </c>
      <c r="J14" s="89">
        <v>104.7</v>
      </c>
      <c r="K14" s="89">
        <v>102.1</v>
      </c>
      <c r="L14" s="89">
        <v>99.5</v>
      </c>
      <c r="M14" s="89">
        <v>90.9</v>
      </c>
      <c r="N14" s="89">
        <v>100.5</v>
      </c>
      <c r="O14" s="91">
        <v>103.3</v>
      </c>
      <c r="P14" s="87">
        <v>102.2</v>
      </c>
      <c r="Q14" s="92">
        <v>100.7</v>
      </c>
      <c r="R14" s="89">
        <v>102</v>
      </c>
      <c r="S14" s="106">
        <v>99.6</v>
      </c>
      <c r="T14" s="93">
        <v>98.8</v>
      </c>
      <c r="U14" s="92">
        <v>101.2</v>
      </c>
      <c r="V14" s="93">
        <v>99.8</v>
      </c>
      <c r="W14" s="94">
        <v>101.5</v>
      </c>
      <c r="X14" s="125">
        <v>0.4</v>
      </c>
      <c r="Y14" s="95">
        <v>2.5</v>
      </c>
      <c r="Z14" s="1"/>
    </row>
    <row r="15" spans="1:26" ht="24.75" customHeight="1">
      <c r="A15" s="68"/>
      <c r="B15" s="69">
        <v>5</v>
      </c>
      <c r="C15" s="74" t="s">
        <v>42</v>
      </c>
      <c r="D15" s="88">
        <v>101.1</v>
      </c>
      <c r="E15" s="89">
        <v>0.2</v>
      </c>
      <c r="F15" s="90">
        <v>2</v>
      </c>
      <c r="G15" s="88">
        <v>102.7</v>
      </c>
      <c r="H15" s="89">
        <v>99.5</v>
      </c>
      <c r="I15" s="89">
        <v>116.4</v>
      </c>
      <c r="J15" s="89">
        <v>105.6</v>
      </c>
      <c r="K15" s="89">
        <v>102.1</v>
      </c>
      <c r="L15" s="89">
        <v>99.7</v>
      </c>
      <c r="M15" s="89">
        <v>90.9</v>
      </c>
      <c r="N15" s="89">
        <v>100.5</v>
      </c>
      <c r="O15" s="91">
        <v>103.7</v>
      </c>
      <c r="P15" s="87">
        <v>102.2</v>
      </c>
      <c r="Q15" s="92">
        <v>100.9</v>
      </c>
      <c r="R15" s="89">
        <v>102.2</v>
      </c>
      <c r="S15" s="106">
        <v>99.7</v>
      </c>
      <c r="T15" s="93">
        <v>99</v>
      </c>
      <c r="U15" s="92">
        <v>101.5</v>
      </c>
      <c r="V15" s="93">
        <v>99.8</v>
      </c>
      <c r="W15" s="94">
        <v>101.8</v>
      </c>
      <c r="X15" s="125">
        <v>0.3</v>
      </c>
      <c r="Y15" s="95">
        <v>2.5</v>
      </c>
      <c r="Z15" s="1"/>
    </row>
    <row r="16" spans="1:26" ht="24.75" customHeight="1">
      <c r="A16" s="68"/>
      <c r="B16" s="69">
        <v>6</v>
      </c>
      <c r="C16" s="74" t="s">
        <v>40</v>
      </c>
      <c r="D16" s="88">
        <v>100.9</v>
      </c>
      <c r="E16" s="89">
        <v>-0.2</v>
      </c>
      <c r="F16" s="90">
        <v>1.9</v>
      </c>
      <c r="G16" s="88">
        <v>102.7</v>
      </c>
      <c r="H16" s="89">
        <v>99.2</v>
      </c>
      <c r="I16" s="89">
        <v>117</v>
      </c>
      <c r="J16" s="89">
        <v>104.6</v>
      </c>
      <c r="K16" s="89">
        <v>101.7</v>
      </c>
      <c r="L16" s="89">
        <v>99.5</v>
      </c>
      <c r="M16" s="89">
        <v>91</v>
      </c>
      <c r="N16" s="89">
        <v>100.5</v>
      </c>
      <c r="O16" s="91">
        <v>102.1</v>
      </c>
      <c r="P16" s="87">
        <v>102</v>
      </c>
      <c r="Q16" s="92">
        <v>100.8</v>
      </c>
      <c r="R16" s="89">
        <v>102.4</v>
      </c>
      <c r="S16" s="106">
        <v>99.5</v>
      </c>
      <c r="T16" s="93">
        <v>98.6</v>
      </c>
      <c r="U16" s="92">
        <v>101.3</v>
      </c>
      <c r="V16" s="93">
        <v>99.8</v>
      </c>
      <c r="W16" s="94">
        <v>101.8</v>
      </c>
      <c r="X16" s="125">
        <v>0</v>
      </c>
      <c r="Y16" s="95">
        <v>2.4</v>
      </c>
      <c r="Z16" s="1"/>
    </row>
    <row r="17" spans="1:26" ht="24.75" customHeight="1">
      <c r="A17" s="68"/>
      <c r="B17" s="69">
        <v>7</v>
      </c>
      <c r="C17" s="74" t="s">
        <v>44</v>
      </c>
      <c r="D17" s="88">
        <v>101.5</v>
      </c>
      <c r="E17" s="89">
        <v>0.6</v>
      </c>
      <c r="F17" s="90">
        <v>2.1</v>
      </c>
      <c r="G17" s="88">
        <v>103.1</v>
      </c>
      <c r="H17" s="89">
        <v>99.3</v>
      </c>
      <c r="I17" s="89">
        <v>119.4</v>
      </c>
      <c r="J17" s="89">
        <v>105.8</v>
      </c>
      <c r="K17" s="89">
        <v>101.4</v>
      </c>
      <c r="L17" s="89">
        <v>99.6</v>
      </c>
      <c r="M17" s="89">
        <v>92.5</v>
      </c>
      <c r="N17" s="89">
        <v>100.5</v>
      </c>
      <c r="O17" s="91">
        <v>103.9</v>
      </c>
      <c r="P17" s="87">
        <v>101.7</v>
      </c>
      <c r="Q17" s="92">
        <v>101.4</v>
      </c>
      <c r="R17" s="89">
        <v>102.9</v>
      </c>
      <c r="S17" s="106">
        <v>100</v>
      </c>
      <c r="T17" s="93">
        <v>99.1</v>
      </c>
      <c r="U17" s="92">
        <v>102.1</v>
      </c>
      <c r="V17" s="93">
        <v>99.8</v>
      </c>
      <c r="W17" s="94">
        <v>102.3</v>
      </c>
      <c r="X17" s="125">
        <v>0.5</v>
      </c>
      <c r="Y17" s="95">
        <v>2.6</v>
      </c>
      <c r="Z17" s="1"/>
    </row>
    <row r="18" spans="1:26" ht="24.75" customHeight="1">
      <c r="A18" s="68"/>
      <c r="B18" s="69">
        <v>8</v>
      </c>
      <c r="C18" s="74" t="s">
        <v>40</v>
      </c>
      <c r="D18" s="88">
        <v>101.9</v>
      </c>
      <c r="E18" s="89">
        <v>0.4</v>
      </c>
      <c r="F18" s="90">
        <v>2.7</v>
      </c>
      <c r="G18" s="88">
        <v>103.6</v>
      </c>
      <c r="H18" s="89">
        <v>99.2</v>
      </c>
      <c r="I18" s="89">
        <v>121</v>
      </c>
      <c r="J18" s="89">
        <v>106</v>
      </c>
      <c r="K18" s="89">
        <v>100.4</v>
      </c>
      <c r="L18" s="89">
        <v>99.6</v>
      </c>
      <c r="M18" s="89">
        <v>92.6</v>
      </c>
      <c r="N18" s="89">
        <v>100.5</v>
      </c>
      <c r="O18" s="91">
        <v>106.2</v>
      </c>
      <c r="P18" s="87">
        <v>102.2</v>
      </c>
      <c r="Q18" s="92">
        <v>101.8</v>
      </c>
      <c r="R18" s="89">
        <v>103.4</v>
      </c>
      <c r="S18" s="106">
        <v>100.4</v>
      </c>
      <c r="T18" s="93">
        <v>99.4</v>
      </c>
      <c r="U18" s="92">
        <v>102.6</v>
      </c>
      <c r="V18" s="93">
        <v>99.7</v>
      </c>
      <c r="W18" s="94">
        <v>102.7</v>
      </c>
      <c r="X18" s="125">
        <v>0.4</v>
      </c>
      <c r="Y18" s="95">
        <v>3</v>
      </c>
      <c r="Z18" s="1"/>
    </row>
    <row r="19" spans="1:26" ht="24.75" customHeight="1" thickBot="1">
      <c r="A19" s="111"/>
      <c r="B19" s="112">
        <v>9</v>
      </c>
      <c r="C19" s="113" t="s">
        <v>45</v>
      </c>
      <c r="D19" s="114">
        <v>102.1</v>
      </c>
      <c r="E19" s="115">
        <v>0.2</v>
      </c>
      <c r="F19" s="116">
        <v>2.7</v>
      </c>
      <c r="G19" s="114">
        <v>104.4</v>
      </c>
      <c r="H19" s="115">
        <v>99.2</v>
      </c>
      <c r="I19" s="115">
        <v>121.6</v>
      </c>
      <c r="J19" s="115">
        <v>108.9</v>
      </c>
      <c r="K19" s="115">
        <v>102.4</v>
      </c>
      <c r="L19" s="115">
        <v>99.9</v>
      </c>
      <c r="M19" s="115">
        <v>92.2</v>
      </c>
      <c r="N19" s="115">
        <v>100.5</v>
      </c>
      <c r="O19" s="117">
        <v>104.5</v>
      </c>
      <c r="P19" s="118">
        <v>102.4</v>
      </c>
      <c r="Q19" s="119">
        <v>102</v>
      </c>
      <c r="R19" s="115">
        <v>104.3</v>
      </c>
      <c r="S19" s="120">
        <v>100.6</v>
      </c>
      <c r="T19" s="121">
        <v>99.4</v>
      </c>
      <c r="U19" s="119">
        <v>102.9</v>
      </c>
      <c r="V19" s="121">
        <v>99.7</v>
      </c>
      <c r="W19" s="122">
        <v>103.1</v>
      </c>
      <c r="X19" s="123">
        <v>0.4</v>
      </c>
      <c r="Y19" s="124">
        <v>3</v>
      </c>
      <c r="Z19" s="1"/>
    </row>
    <row r="20" spans="1:26" ht="24.75" customHeight="1" thickBot="1">
      <c r="A20" s="70"/>
      <c r="B20" s="71">
        <v>10</v>
      </c>
      <c r="C20" s="72" t="s">
        <v>42</v>
      </c>
      <c r="D20" s="96">
        <v>102.6</v>
      </c>
      <c r="E20" s="97">
        <v>0.5</v>
      </c>
      <c r="F20" s="98">
        <v>3.4</v>
      </c>
      <c r="G20" s="96">
        <v>106</v>
      </c>
      <c r="H20" s="97">
        <v>99.5</v>
      </c>
      <c r="I20" s="97">
        <v>123.7</v>
      </c>
      <c r="J20" s="97">
        <v>107.6</v>
      </c>
      <c r="K20" s="97">
        <v>103</v>
      </c>
      <c r="L20" s="97">
        <v>99.7</v>
      </c>
      <c r="M20" s="97">
        <v>92.3</v>
      </c>
      <c r="N20" s="97">
        <v>100.5</v>
      </c>
      <c r="O20" s="99">
        <v>103.3</v>
      </c>
      <c r="P20" s="100">
        <v>102.1</v>
      </c>
      <c r="Q20" s="101">
        <v>102.5</v>
      </c>
      <c r="R20" s="97">
        <v>106.1</v>
      </c>
      <c r="S20" s="105">
        <v>101</v>
      </c>
      <c r="T20" s="102">
        <v>99.4</v>
      </c>
      <c r="U20" s="101">
        <v>103.5</v>
      </c>
      <c r="V20" s="102">
        <v>100.9</v>
      </c>
      <c r="W20" s="103">
        <v>103.7</v>
      </c>
      <c r="X20" s="110">
        <v>0.6</v>
      </c>
      <c r="Y20" s="104">
        <v>3.7</v>
      </c>
      <c r="Z20" s="1"/>
    </row>
    <row r="21" spans="1:26" ht="21" customHeight="1">
      <c r="A21" s="7" t="s">
        <v>34</v>
      </c>
      <c r="B21" s="6"/>
      <c r="C21" s="5"/>
      <c r="D21" s="14"/>
      <c r="E21" s="14"/>
      <c r="F21" s="14"/>
      <c r="G21" s="14"/>
      <c r="H21" s="14"/>
      <c r="I21" s="14"/>
      <c r="J21" s="14"/>
      <c r="K21" s="14"/>
      <c r="L21" s="14"/>
      <c r="M21" s="14"/>
      <c r="N21" s="14"/>
      <c r="O21" s="14"/>
      <c r="P21" s="14"/>
      <c r="Q21" s="14"/>
      <c r="R21" s="14"/>
      <c r="S21" s="14"/>
      <c r="T21" s="14"/>
      <c r="U21" s="14"/>
      <c r="V21" s="14"/>
      <c r="W21" s="14"/>
      <c r="X21" s="14"/>
      <c r="Y21" s="14"/>
      <c r="Z21" s="1"/>
    </row>
    <row r="22" spans="1:26" s="16" customFormat="1" ht="19.5" customHeight="1">
      <c r="A22" s="17"/>
      <c r="B22" s="12"/>
      <c r="C22" s="12"/>
      <c r="D22" s="14"/>
      <c r="E22" s="14"/>
      <c r="F22" s="14"/>
      <c r="G22" s="14"/>
      <c r="H22" s="14"/>
      <c r="I22" s="14"/>
      <c r="J22" s="14"/>
      <c r="K22" s="14"/>
      <c r="L22" s="14"/>
      <c r="M22" s="14"/>
      <c r="N22" s="14"/>
      <c r="O22" s="14"/>
      <c r="P22" s="14"/>
      <c r="Q22" s="14"/>
      <c r="R22" s="14"/>
      <c r="S22" s="14"/>
      <c r="T22" s="14"/>
      <c r="U22" s="14"/>
      <c r="V22" s="14"/>
      <c r="W22" s="14"/>
      <c r="X22" s="14"/>
      <c r="Y22" s="14"/>
    </row>
    <row r="23" spans="1:26" ht="20.65" customHeight="1">
      <c r="A23" s="1"/>
      <c r="B23" s="12"/>
      <c r="C23" s="12"/>
      <c r="D23" s="9"/>
      <c r="E23" s="9"/>
      <c r="F23" s="9"/>
      <c r="G23" s="9"/>
      <c r="H23" s="9"/>
      <c r="I23" s="9"/>
      <c r="J23" s="9"/>
      <c r="K23" s="9"/>
      <c r="L23" s="9"/>
      <c r="M23" s="9"/>
      <c r="N23" s="9"/>
      <c r="O23" s="9"/>
      <c r="P23" s="9"/>
      <c r="Q23" s="9"/>
      <c r="R23" s="9"/>
      <c r="S23" s="9"/>
      <c r="T23" s="9"/>
      <c r="U23" s="9"/>
      <c r="V23" s="9"/>
      <c r="W23" s="15"/>
      <c r="X23" s="14"/>
      <c r="Y23" s="13"/>
    </row>
    <row r="24" spans="1:26" ht="20.25" customHeight="1">
      <c r="A24" s="1"/>
      <c r="B24" s="12"/>
      <c r="C24" s="12"/>
      <c r="D24" s="9"/>
      <c r="E24" s="9"/>
      <c r="F24" s="9"/>
      <c r="G24" s="9"/>
      <c r="H24" s="9"/>
      <c r="I24" s="9"/>
      <c r="J24" s="9"/>
      <c r="K24" s="9"/>
      <c r="L24" s="9"/>
      <c r="M24" s="9"/>
      <c r="N24" s="9"/>
      <c r="O24" s="9"/>
      <c r="P24" s="9"/>
      <c r="Q24" s="9"/>
      <c r="R24" s="9"/>
      <c r="S24" s="9"/>
      <c r="T24" s="9"/>
      <c r="U24" s="9"/>
      <c r="V24" s="9"/>
      <c r="W24" s="9"/>
      <c r="X24" s="9"/>
      <c r="Y24" s="9"/>
    </row>
    <row r="25" spans="1:26" ht="20.25" customHeight="1">
      <c r="A25" s="1"/>
      <c r="B25" s="11"/>
      <c r="C25" s="11"/>
      <c r="D25" s="10"/>
      <c r="E25" s="9"/>
      <c r="F25" s="9"/>
      <c r="G25" s="9"/>
      <c r="H25" s="9"/>
      <c r="I25" s="9"/>
      <c r="J25" s="9"/>
      <c r="K25" s="9"/>
      <c r="L25" s="9"/>
      <c r="M25" s="9"/>
      <c r="N25" s="9"/>
      <c r="O25" s="9"/>
      <c r="P25" s="9"/>
      <c r="Q25" s="9"/>
      <c r="R25" s="9"/>
      <c r="S25" s="9"/>
      <c r="T25" s="9"/>
      <c r="U25" s="9"/>
      <c r="V25" s="9"/>
      <c r="W25" s="9"/>
      <c r="X25" s="9"/>
      <c r="Y25" s="9"/>
      <c r="Z25" s="8"/>
    </row>
    <row r="26" spans="1:26" ht="20.25" customHeight="1">
      <c r="A26" s="7"/>
      <c r="B26" s="6"/>
      <c r="C26" s="5"/>
      <c r="D26" s="2"/>
      <c r="E26" s="2"/>
      <c r="F26" s="2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3"/>
      <c r="X26" s="2"/>
      <c r="Y26" s="2"/>
      <c r="Z26" s="1"/>
    </row>
    <row r="27" spans="1:26">
      <c r="A27" s="7"/>
      <c r="B27" s="6"/>
      <c r="C27" s="5"/>
      <c r="D27" s="2"/>
      <c r="E27" s="2"/>
      <c r="F27" s="2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3"/>
      <c r="X27" s="2"/>
      <c r="Y27" s="2"/>
    </row>
    <row r="28" spans="1:26">
      <c r="A28" s="1"/>
      <c r="B28" s="1"/>
      <c r="C28" s="1"/>
      <c r="D28" s="1"/>
      <c r="E28" s="1"/>
      <c r="F28" s="1"/>
      <c r="G28" s="1"/>
      <c r="H28" s="1"/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  <c r="X28" s="1"/>
      <c r="Y28" s="1"/>
    </row>
    <row r="29" spans="1:26">
      <c r="A29" s="1"/>
      <c r="B29" s="1"/>
      <c r="C29" s="1"/>
      <c r="D29" s="1"/>
      <c r="E29" s="1"/>
      <c r="F29" s="1"/>
      <c r="G29" s="1"/>
      <c r="H29" s="1"/>
      <c r="I29" s="1"/>
      <c r="J29" s="1"/>
      <c r="K29" s="1"/>
      <c r="L29" s="1"/>
      <c r="M29" s="1"/>
      <c r="N29" s="1"/>
      <c r="O29" s="1"/>
      <c r="P29" s="1"/>
      <c r="Q29" s="1"/>
      <c r="R29" s="1"/>
      <c r="S29" s="1"/>
      <c r="T29" s="1"/>
      <c r="U29" s="1"/>
      <c r="V29" s="1"/>
      <c r="W29" s="1"/>
      <c r="X29" s="1"/>
      <c r="Y29" s="1"/>
    </row>
    <row r="30" spans="1:26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</row>
    <row r="31" spans="1:26">
      <c r="A31" s="1"/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</row>
    <row r="32" spans="1:26">
      <c r="A32" s="1"/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</row>
    <row r="33" spans="1:25">
      <c r="A33" s="1"/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</row>
    <row r="34" spans="1:25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</row>
    <row r="35" spans="1:25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</row>
    <row r="36" spans="1:25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</row>
    <row r="37" spans="1:25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  <c r="O37" s="1"/>
      <c r="P37" s="1"/>
      <c r="Q37" s="1"/>
      <c r="R37" s="1"/>
      <c r="S37" s="1"/>
      <c r="T37" s="1"/>
      <c r="U37" s="1"/>
      <c r="V37" s="1"/>
      <c r="W37" s="1"/>
      <c r="X37" s="1"/>
      <c r="Y37" s="1"/>
    </row>
    <row r="38" spans="1:25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  <c r="O38" s="1"/>
      <c r="P38" s="1"/>
      <c r="Q38" s="1"/>
      <c r="R38" s="1"/>
      <c r="S38" s="1"/>
      <c r="T38" s="1"/>
      <c r="U38" s="1"/>
      <c r="V38" s="1"/>
      <c r="W38" s="1"/>
      <c r="X38" s="1"/>
      <c r="Y38" s="1"/>
    </row>
    <row r="39" spans="1:25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</row>
    <row r="40" spans="1:25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  <c r="O40" s="1"/>
      <c r="P40" s="1"/>
      <c r="Q40" s="1"/>
      <c r="R40" s="1"/>
      <c r="S40" s="1"/>
      <c r="T40" s="1"/>
      <c r="U40" s="1"/>
      <c r="V40" s="1"/>
      <c r="W40" s="1"/>
      <c r="X40" s="1"/>
      <c r="Y40" s="1"/>
    </row>
    <row r="41" spans="1:25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  <c r="O41" s="1"/>
      <c r="P41" s="1"/>
      <c r="Q41" s="1"/>
      <c r="R41" s="1"/>
      <c r="S41" s="1"/>
      <c r="T41" s="1"/>
      <c r="U41" s="1"/>
      <c r="V41" s="1"/>
      <c r="W41" s="1"/>
      <c r="X41" s="1"/>
      <c r="Y41" s="1"/>
    </row>
    <row r="42" spans="1:25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  <c r="O42" s="1"/>
      <c r="P42" s="1"/>
      <c r="Q42" s="1"/>
      <c r="R42" s="1"/>
      <c r="S42" s="1"/>
      <c r="T42" s="1"/>
      <c r="U42" s="1"/>
      <c r="V42" s="1"/>
      <c r="W42" s="1"/>
      <c r="X42" s="1"/>
      <c r="Y42" s="1"/>
    </row>
    <row r="43" spans="1:25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</row>
    <row r="44" spans="1:25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</row>
    <row r="45" spans="1:25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  <c r="O45" s="1"/>
      <c r="P45" s="1"/>
      <c r="Q45" s="1"/>
      <c r="R45" s="1"/>
      <c r="S45" s="1"/>
      <c r="T45" s="1"/>
      <c r="U45" s="1"/>
      <c r="V45" s="1"/>
      <c r="W45" s="1"/>
      <c r="X45" s="1"/>
      <c r="Y45" s="1"/>
    </row>
    <row r="46" spans="1:25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  <c r="O46" s="1"/>
      <c r="P46" s="1"/>
      <c r="Q46" s="1"/>
      <c r="R46" s="1"/>
      <c r="S46" s="1"/>
      <c r="T46" s="1"/>
      <c r="U46" s="1"/>
      <c r="V46" s="1"/>
      <c r="W46" s="1"/>
      <c r="X46" s="1"/>
      <c r="Y46" s="1"/>
    </row>
    <row r="47" spans="1:25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  <c r="O47" s="1"/>
      <c r="P47" s="1"/>
      <c r="Q47" s="1"/>
      <c r="R47" s="1"/>
      <c r="S47" s="1"/>
      <c r="T47" s="1"/>
      <c r="U47" s="1"/>
      <c r="V47" s="1"/>
      <c r="W47" s="1"/>
      <c r="X47" s="1"/>
      <c r="Y47" s="1"/>
    </row>
    <row r="48" spans="1:25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  <c r="O48" s="1"/>
      <c r="P48" s="1"/>
      <c r="Q48" s="1"/>
      <c r="R48" s="1"/>
      <c r="S48" s="1"/>
      <c r="T48" s="1"/>
      <c r="U48" s="1"/>
      <c r="V48" s="1"/>
      <c r="W48" s="1"/>
      <c r="X48" s="1"/>
      <c r="Y48" s="1"/>
    </row>
    <row r="49" spans="1:25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  <c r="O49" s="1"/>
      <c r="P49" s="1"/>
      <c r="Q49" s="1"/>
      <c r="R49" s="1"/>
      <c r="S49" s="1"/>
      <c r="T49" s="1"/>
      <c r="U49" s="1"/>
      <c r="V49" s="1"/>
      <c r="W49" s="1"/>
      <c r="X49" s="1"/>
      <c r="Y49" s="1"/>
    </row>
    <row r="50" spans="1:25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  <c r="O50" s="1"/>
      <c r="P50" s="1"/>
      <c r="Q50" s="1"/>
      <c r="R50" s="1"/>
      <c r="S50" s="1"/>
      <c r="T50" s="1"/>
      <c r="U50" s="1"/>
      <c r="V50" s="1"/>
      <c r="W50" s="1"/>
      <c r="X50" s="1"/>
      <c r="Y50" s="1"/>
    </row>
    <row r="51" spans="1:25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  <c r="O51" s="1"/>
      <c r="P51" s="1"/>
      <c r="Q51" s="1"/>
      <c r="R51" s="1"/>
      <c r="S51" s="1"/>
      <c r="T51" s="1"/>
      <c r="U51" s="1"/>
      <c r="V51" s="1"/>
      <c r="W51" s="1"/>
      <c r="X51" s="1"/>
      <c r="Y51" s="1"/>
    </row>
    <row r="52" spans="1:25">
      <c r="A52" s="1"/>
      <c r="B52" s="1"/>
      <c r="C52" s="1"/>
      <c r="D52" s="1"/>
      <c r="E52" s="1"/>
      <c r="F52" s="1"/>
      <c r="G52" s="1"/>
      <c r="H52" s="1"/>
      <c r="I52" s="1"/>
      <c r="J52" s="1"/>
      <c r="K52" s="1"/>
      <c r="L52" s="1"/>
      <c r="M52" s="1"/>
      <c r="N52" s="1"/>
      <c r="O52" s="1"/>
      <c r="P52" s="1"/>
      <c r="Q52" s="1"/>
      <c r="R52" s="1"/>
      <c r="S52" s="1"/>
      <c r="T52" s="1"/>
      <c r="U52" s="1"/>
      <c r="V52" s="1"/>
      <c r="W52" s="1"/>
      <c r="X52" s="1"/>
      <c r="Y52" s="1"/>
    </row>
    <row r="53" spans="1:25">
      <c r="A53" s="1"/>
      <c r="B53" s="1"/>
      <c r="C53" s="1"/>
      <c r="D53" s="1"/>
      <c r="E53" s="1"/>
      <c r="F53" s="1"/>
      <c r="G53" s="1"/>
      <c r="H53" s="1"/>
      <c r="I53" s="1"/>
      <c r="J53" s="1"/>
      <c r="K53" s="1"/>
      <c r="L53" s="1"/>
      <c r="M53" s="1"/>
      <c r="N53" s="1"/>
      <c r="O53" s="1"/>
      <c r="P53" s="1"/>
      <c r="Q53" s="1"/>
      <c r="R53" s="1"/>
      <c r="S53" s="1"/>
      <c r="T53" s="1"/>
      <c r="U53" s="1"/>
      <c r="V53" s="1"/>
      <c r="W53" s="1"/>
      <c r="X53" s="1"/>
      <c r="Y53" s="1"/>
    </row>
    <row r="54" spans="1:25">
      <c r="A54" s="1"/>
      <c r="B54" s="1"/>
      <c r="C54" s="1"/>
      <c r="D54" s="1"/>
      <c r="E54" s="1"/>
      <c r="F54" s="1"/>
      <c r="G54" s="1"/>
      <c r="H54" s="1"/>
      <c r="I54" s="1"/>
      <c r="J54" s="1"/>
      <c r="K54" s="1"/>
      <c r="L54" s="1"/>
      <c r="M54" s="1"/>
      <c r="N54" s="1"/>
      <c r="O54" s="1"/>
      <c r="P54" s="1"/>
      <c r="Q54" s="1"/>
      <c r="R54" s="1"/>
      <c r="S54" s="1"/>
      <c r="T54" s="1"/>
      <c r="U54" s="1"/>
      <c r="V54" s="1"/>
      <c r="W54" s="1"/>
      <c r="X54" s="1"/>
      <c r="Y54" s="1"/>
    </row>
    <row r="55" spans="1:25">
      <c r="A55" s="1"/>
      <c r="B55" s="1"/>
      <c r="C55" s="1"/>
      <c r="D55" s="1"/>
      <c r="E55" s="1"/>
      <c r="F55" s="1"/>
      <c r="G55" s="1"/>
      <c r="H55" s="1"/>
      <c r="I55" s="1"/>
      <c r="J55" s="1"/>
      <c r="K55" s="1"/>
      <c r="L55" s="1"/>
      <c r="M55" s="1"/>
      <c r="N55" s="1"/>
      <c r="O55" s="1"/>
      <c r="P55" s="1"/>
      <c r="Q55" s="1"/>
      <c r="R55" s="1"/>
      <c r="S55" s="1"/>
      <c r="T55" s="1"/>
      <c r="U55" s="1"/>
      <c r="V55" s="1"/>
      <c r="W55" s="1"/>
      <c r="X55" s="1"/>
      <c r="Y55" s="1"/>
    </row>
    <row r="56" spans="1:25">
      <c r="A56" s="1"/>
      <c r="B56" s="1"/>
      <c r="C56" s="1"/>
      <c r="D56" s="1"/>
      <c r="E56" s="1"/>
      <c r="F56" s="1"/>
      <c r="G56" s="1"/>
      <c r="H56" s="1"/>
      <c r="I56" s="1"/>
      <c r="J56" s="1"/>
      <c r="K56" s="1"/>
      <c r="L56" s="1"/>
      <c r="M56" s="1"/>
      <c r="N56" s="1"/>
      <c r="O56" s="1"/>
      <c r="P56" s="1"/>
      <c r="Q56" s="1"/>
      <c r="R56" s="1"/>
      <c r="S56" s="1"/>
      <c r="T56" s="1"/>
      <c r="U56" s="1"/>
      <c r="V56" s="1"/>
      <c r="W56" s="1"/>
      <c r="X56" s="1"/>
      <c r="Y56" s="1"/>
    </row>
    <row r="57" spans="1:25">
      <c r="A57" s="1"/>
      <c r="B57" s="1"/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1"/>
      <c r="R57" s="1"/>
      <c r="S57" s="1"/>
      <c r="T57" s="1"/>
      <c r="U57" s="1"/>
      <c r="V57" s="1"/>
      <c r="W57" s="1"/>
      <c r="X57" s="1"/>
      <c r="Y57" s="1"/>
    </row>
    <row r="58" spans="1:25">
      <c r="A58" s="1"/>
      <c r="B58" s="1"/>
      <c r="C58" s="1"/>
      <c r="D58" s="1"/>
      <c r="E58" s="1"/>
      <c r="F58" s="1"/>
      <c r="G58" s="1"/>
      <c r="H58" s="1"/>
      <c r="I58" s="1"/>
      <c r="J58" s="1"/>
      <c r="K58" s="1"/>
      <c r="L58" s="1"/>
      <c r="M58" s="1"/>
      <c r="N58" s="1"/>
      <c r="O58" s="1"/>
      <c r="P58" s="1"/>
      <c r="Q58" s="1"/>
      <c r="R58" s="1"/>
      <c r="S58" s="1"/>
      <c r="T58" s="1"/>
      <c r="U58" s="1"/>
      <c r="V58" s="1"/>
      <c r="W58" s="1"/>
      <c r="X58" s="1"/>
      <c r="Y58" s="1"/>
    </row>
    <row r="59" spans="1:25">
      <c r="A59" s="1"/>
      <c r="B59" s="1"/>
      <c r="C59" s="1"/>
      <c r="D59" s="1"/>
      <c r="E59" s="1"/>
      <c r="F59" s="1"/>
      <c r="G59" s="1"/>
      <c r="H59" s="1"/>
      <c r="I59" s="1"/>
      <c r="J59" s="1"/>
      <c r="K59" s="1"/>
      <c r="L59" s="1"/>
      <c r="M59" s="1"/>
      <c r="N59" s="1"/>
      <c r="O59" s="1"/>
      <c r="P59" s="1"/>
      <c r="Q59" s="1"/>
      <c r="R59" s="1"/>
      <c r="S59" s="1"/>
      <c r="T59" s="1"/>
      <c r="U59" s="1"/>
      <c r="V59" s="1"/>
      <c r="W59" s="1"/>
      <c r="X59" s="1"/>
      <c r="Y59" s="1"/>
    </row>
    <row r="60" spans="1:25">
      <c r="A60" s="1"/>
      <c r="B60" s="1"/>
      <c r="C60" s="1"/>
      <c r="D60" s="1"/>
      <c r="E60" s="1"/>
      <c r="F60" s="1"/>
      <c r="G60" s="1"/>
      <c r="H60" s="1"/>
      <c r="I60" s="1"/>
      <c r="J60" s="1"/>
      <c r="K60" s="1"/>
      <c r="L60" s="1"/>
      <c r="M60" s="1"/>
      <c r="N60" s="1"/>
      <c r="O60" s="1"/>
      <c r="P60" s="1"/>
      <c r="Q60" s="1"/>
      <c r="R60" s="1"/>
      <c r="S60" s="1"/>
      <c r="T60" s="1"/>
      <c r="U60" s="1"/>
      <c r="V60" s="1"/>
      <c r="W60" s="1"/>
      <c r="X60" s="1"/>
      <c r="Y60" s="1"/>
    </row>
    <row r="61" spans="1:25">
      <c r="A61" s="1"/>
      <c r="B61" s="1"/>
      <c r="C61" s="1"/>
      <c r="D61" s="1"/>
      <c r="E61" s="1"/>
      <c r="F61" s="1"/>
      <c r="G61" s="1"/>
      <c r="H61" s="1"/>
      <c r="I61" s="1"/>
      <c r="J61" s="1"/>
      <c r="K61" s="1"/>
      <c r="L61" s="1"/>
      <c r="M61" s="1"/>
      <c r="N61" s="1"/>
      <c r="O61" s="1"/>
      <c r="P61" s="1"/>
      <c r="Q61" s="1"/>
      <c r="R61" s="1"/>
      <c r="S61" s="1"/>
      <c r="T61" s="1"/>
      <c r="U61" s="1"/>
      <c r="V61" s="1"/>
      <c r="W61" s="1"/>
      <c r="X61" s="1"/>
      <c r="Y61" s="1"/>
    </row>
    <row r="62" spans="1:25">
      <c r="A62" s="1"/>
      <c r="B62" s="1"/>
      <c r="C62" s="1"/>
      <c r="D62" s="1"/>
      <c r="E62" s="1"/>
      <c r="F62" s="1"/>
      <c r="G62" s="1"/>
      <c r="H62" s="1"/>
      <c r="I62" s="1"/>
      <c r="J62" s="1"/>
      <c r="K62" s="1"/>
      <c r="L62" s="1"/>
      <c r="M62" s="1"/>
      <c r="N62" s="1"/>
      <c r="O62" s="1"/>
      <c r="P62" s="1"/>
      <c r="Q62" s="1"/>
      <c r="R62" s="1"/>
      <c r="S62" s="1"/>
      <c r="T62" s="1"/>
      <c r="U62" s="1"/>
      <c r="V62" s="1"/>
      <c r="W62" s="1"/>
      <c r="X62" s="1"/>
      <c r="Y62" s="1"/>
    </row>
    <row r="63" spans="1:25">
      <c r="A63" s="1"/>
      <c r="B63" s="1"/>
      <c r="C63" s="1"/>
      <c r="D63" s="1"/>
      <c r="E63" s="1"/>
      <c r="F63" s="1"/>
      <c r="G63" s="1"/>
      <c r="H63" s="1"/>
      <c r="I63" s="1"/>
      <c r="J63" s="1"/>
      <c r="K63" s="1"/>
      <c r="L63" s="1"/>
      <c r="M63" s="1"/>
      <c r="N63" s="1"/>
      <c r="O63" s="1"/>
      <c r="P63" s="1"/>
      <c r="Q63" s="1"/>
      <c r="R63" s="1"/>
      <c r="S63" s="1"/>
      <c r="T63" s="1"/>
      <c r="U63" s="1"/>
      <c r="V63" s="1"/>
      <c r="W63" s="1"/>
      <c r="X63" s="1"/>
      <c r="Y63" s="1"/>
    </row>
    <row r="64" spans="1:25">
      <c r="A64" s="1"/>
      <c r="B64" s="1"/>
      <c r="C64" s="1"/>
      <c r="D64" s="1"/>
      <c r="E64" s="1"/>
      <c r="F64" s="1"/>
      <c r="G64" s="1"/>
      <c r="H64" s="1"/>
      <c r="I64" s="1"/>
      <c r="J64" s="1"/>
      <c r="K64" s="1"/>
      <c r="L64" s="1"/>
      <c r="M64" s="1"/>
      <c r="N64" s="1"/>
      <c r="O64" s="1"/>
      <c r="P64" s="1"/>
      <c r="Q64" s="1"/>
      <c r="R64" s="1"/>
      <c r="S64" s="1"/>
      <c r="T64" s="1"/>
      <c r="U64" s="1"/>
      <c r="V64" s="1"/>
      <c r="W64" s="1"/>
      <c r="X64" s="1"/>
      <c r="Y64" s="1"/>
    </row>
  </sheetData>
  <mergeCells count="10">
    <mergeCell ref="B7:C7"/>
    <mergeCell ref="S4:S5"/>
    <mergeCell ref="T4:T5"/>
    <mergeCell ref="U3:Y3"/>
    <mergeCell ref="K4:K6"/>
    <mergeCell ref="L4:L6"/>
    <mergeCell ref="O4:O6"/>
    <mergeCell ref="Q4:R5"/>
    <mergeCell ref="U4:V4"/>
    <mergeCell ref="U5:V5"/>
  </mergeCells>
  <phoneticPr fontId="1"/>
  <pageMargins left="0.51" right="0.19685039370078741" top="0.51181102362204722" bottom="0.47244094488188981" header="0.31496062992125984" footer="0.31496062992125984"/>
  <pageSetup paperSize="9" scale="62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消費者物価指数の推移</vt:lpstr>
      <vt:lpstr>消費者物価指数の推移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6-28T05:17:05Z</cp:lastPrinted>
  <dcterms:created xsi:type="dcterms:W3CDTF">2016-09-16T05:41:42Z</dcterms:created>
  <dcterms:modified xsi:type="dcterms:W3CDTF">2022-11-22T01:50:34Z</dcterms:modified>
</cp:coreProperties>
</file>